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30\03_青少年サポート課\C2_NPO支援\C25_財政支援\C2502_フリースペース等相談事業費補助金手続・届出関係\02_令和８年度募集案内\01_実施起案・HP掲載（作成中）\HPに添付\"/>
    </mc:Choice>
  </mc:AlternateContent>
  <xr:revisionPtr revIDLastSave="0" documentId="13_ncr:1_{344469AF-8A8D-414C-BE80-9DF3B0624B38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2026カレンダー" sheetId="1" r:id="rId1"/>
  </sheets>
  <definedNames>
    <definedName name="_xlnm.Print_Area" localSheetId="0">'2026カレンダー'!$A$1:$Y$6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C64" i="1" l="1"/>
  <c r="AC17" i="1"/>
  <c r="AG17" i="1"/>
  <c r="AC34" i="1"/>
  <c r="AE17" i="1"/>
  <c r="AG64" i="1" l="1"/>
  <c r="AG62" i="1"/>
  <c r="AG60" i="1"/>
  <c r="AG58" i="1"/>
  <c r="AG56" i="1"/>
  <c r="AG54" i="1"/>
  <c r="AE62" i="1"/>
  <c r="AE60" i="1"/>
  <c r="AE58" i="1"/>
  <c r="AE56" i="1"/>
  <c r="AE54" i="1"/>
  <c r="AG15" i="1"/>
  <c r="AG13" i="1"/>
  <c r="AG11" i="1"/>
  <c r="AG9" i="1"/>
  <c r="AG7" i="1"/>
  <c r="AC9" i="1" l="1"/>
  <c r="AC7" i="1"/>
  <c r="AE64" i="1" l="1"/>
  <c r="AC62" i="1"/>
  <c r="AC60" i="1"/>
  <c r="AC58" i="1"/>
  <c r="AC56" i="1"/>
  <c r="AC54" i="1"/>
  <c r="AG49" i="1"/>
  <c r="AG47" i="1"/>
  <c r="AG45" i="1"/>
  <c r="AG43" i="1"/>
  <c r="AG41" i="1"/>
  <c r="AG39" i="1"/>
  <c r="AE49" i="1"/>
  <c r="AE47" i="1"/>
  <c r="AE45" i="1"/>
  <c r="AE43" i="1"/>
  <c r="AE41" i="1"/>
  <c r="AE39" i="1"/>
  <c r="AC49" i="1"/>
  <c r="AC47" i="1"/>
  <c r="AC45" i="1"/>
  <c r="AC43" i="1"/>
  <c r="AC41" i="1"/>
  <c r="AC39" i="1"/>
  <c r="AG34" i="1"/>
  <c r="AG32" i="1"/>
  <c r="AG30" i="1"/>
  <c r="AG28" i="1"/>
  <c r="AG26" i="1"/>
  <c r="AG24" i="1"/>
  <c r="AE34" i="1"/>
  <c r="AE32" i="1"/>
  <c r="AE30" i="1"/>
  <c r="AE28" i="1"/>
  <c r="AE26" i="1"/>
  <c r="AE24" i="1"/>
  <c r="AC32" i="1"/>
  <c r="AC30" i="1"/>
  <c r="AC28" i="1"/>
  <c r="AC26" i="1"/>
  <c r="AC24" i="1"/>
  <c r="AE15" i="1"/>
  <c r="AE13" i="1"/>
  <c r="AE11" i="1"/>
  <c r="AE9" i="1"/>
  <c r="AE7" i="1"/>
  <c r="AC15" i="1"/>
  <c r="AC13" i="1"/>
  <c r="AC11" i="1"/>
  <c r="H4" i="1" s="1"/>
  <c r="P4" i="1" l="1"/>
  <c r="X51" i="1"/>
  <c r="P51" i="1"/>
  <c r="H51" i="1"/>
  <c r="X36" i="1"/>
  <c r="P36" i="1"/>
  <c r="H36" i="1"/>
  <c r="X21" i="1"/>
  <c r="P21" i="1"/>
  <c r="H21" i="1"/>
  <c r="X4" i="1"/>
  <c r="P3" i="1" l="1"/>
</calcChain>
</file>

<file path=xl/sharedStrings.xml><?xml version="1.0" encoding="utf-8"?>
<sst xmlns="http://schemas.openxmlformats.org/spreadsheetml/2006/main" count="501" uniqueCount="75">
  <si>
    <t>←相談業務 年間開設日数</t>
    <rPh sb="1" eb="3">
      <t>ソウダン</t>
    </rPh>
    <rPh sb="3" eb="5">
      <t>ギョウム</t>
    </rPh>
    <rPh sb="6" eb="8">
      <t>ネンカン</t>
    </rPh>
    <rPh sb="8" eb="10">
      <t>カイセツ</t>
    </rPh>
    <rPh sb="10" eb="12">
      <t>ニッスウ</t>
    </rPh>
    <phoneticPr fontId="2"/>
  </si>
  <si>
    <t>当月開設日数→</t>
    <rPh sb="0" eb="2">
      <t>トウゲツ</t>
    </rPh>
    <rPh sb="2" eb="4">
      <t>カイセツ</t>
    </rPh>
    <rPh sb="4" eb="6">
      <t>ニッスウ</t>
    </rPh>
    <phoneticPr fontId="2"/>
  </si>
  <si>
    <t>日</t>
    <rPh sb="0" eb="1">
      <t>ニチ</t>
    </rPh>
    <phoneticPr fontId="2"/>
  </si>
  <si>
    <t>月</t>
    <rPh sb="0" eb="1">
      <t>ゲツ</t>
    </rPh>
    <phoneticPr fontId="2"/>
  </si>
  <si>
    <t>火</t>
    <rPh sb="0" eb="1">
      <t>カ</t>
    </rPh>
    <phoneticPr fontId="2"/>
  </si>
  <si>
    <t>水</t>
    <rPh sb="0" eb="1">
      <t>スイ</t>
    </rPh>
    <phoneticPr fontId="2"/>
  </si>
  <si>
    <t>木</t>
    <rPh sb="0" eb="1">
      <t>モク</t>
    </rPh>
    <phoneticPr fontId="2"/>
  </si>
  <si>
    <t>金</t>
    <rPh sb="0" eb="1">
      <t>キン</t>
    </rPh>
    <phoneticPr fontId="2"/>
  </si>
  <si>
    <t>土</t>
    <rPh sb="0" eb="1">
      <t>ド</t>
    </rPh>
    <phoneticPr fontId="2"/>
  </si>
  <si>
    <t>30</t>
    <phoneticPr fontId="2"/>
  </si>
  <si>
    <t>4</t>
    <phoneticPr fontId="2"/>
  </si>
  <si>
    <t>5</t>
    <phoneticPr fontId="2"/>
  </si>
  <si>
    <t>23</t>
    <phoneticPr fontId="2"/>
  </si>
  <si>
    <t>24</t>
    <phoneticPr fontId="2"/>
  </si>
  <si>
    <t>25</t>
    <phoneticPr fontId="2"/>
  </si>
  <si>
    <t>26</t>
    <phoneticPr fontId="2"/>
  </si>
  <si>
    <t>4月</t>
    <rPh sb="1" eb="2">
      <t>ガツ</t>
    </rPh>
    <phoneticPr fontId="1"/>
  </si>
  <si>
    <t>第1週</t>
    <rPh sb="0" eb="1">
      <t>ダイ</t>
    </rPh>
    <rPh sb="2" eb="3">
      <t>シュウ</t>
    </rPh>
    <phoneticPr fontId="1"/>
  </si>
  <si>
    <t>第2週</t>
    <rPh sb="0" eb="1">
      <t>ダイ</t>
    </rPh>
    <rPh sb="2" eb="3">
      <t>シュウ</t>
    </rPh>
    <phoneticPr fontId="1"/>
  </si>
  <si>
    <t>5月</t>
    <rPh sb="1" eb="2">
      <t>ガツ</t>
    </rPh>
    <phoneticPr fontId="1"/>
  </si>
  <si>
    <t>6月</t>
    <rPh sb="1" eb="2">
      <t>ガツ</t>
    </rPh>
    <phoneticPr fontId="1"/>
  </si>
  <si>
    <t>7月</t>
    <rPh sb="1" eb="2">
      <t>ガツ</t>
    </rPh>
    <phoneticPr fontId="1"/>
  </si>
  <si>
    <t>8月</t>
    <rPh sb="1" eb="2">
      <t>ガツ</t>
    </rPh>
    <phoneticPr fontId="1"/>
  </si>
  <si>
    <t>9月</t>
    <rPh sb="1" eb="2">
      <t>ガツ</t>
    </rPh>
    <phoneticPr fontId="1"/>
  </si>
  <si>
    <t>第3週</t>
    <rPh sb="0" eb="1">
      <t>ダイ</t>
    </rPh>
    <rPh sb="2" eb="3">
      <t>シュウ</t>
    </rPh>
    <phoneticPr fontId="1"/>
  </si>
  <si>
    <t>第4週</t>
    <rPh sb="0" eb="1">
      <t>ダイ</t>
    </rPh>
    <rPh sb="2" eb="3">
      <t>シュウ</t>
    </rPh>
    <phoneticPr fontId="1"/>
  </si>
  <si>
    <t>第5週</t>
    <rPh sb="0" eb="1">
      <t>ダイ</t>
    </rPh>
    <rPh sb="2" eb="3">
      <t>シュウ</t>
    </rPh>
    <phoneticPr fontId="1"/>
  </si>
  <si>
    <t>第6週</t>
    <rPh sb="0" eb="1">
      <t>ダイ</t>
    </rPh>
    <rPh sb="2" eb="3">
      <t>シュウ</t>
    </rPh>
    <phoneticPr fontId="1"/>
  </si>
  <si>
    <t>10月</t>
    <rPh sb="2" eb="3">
      <t>ガツ</t>
    </rPh>
    <phoneticPr fontId="1"/>
  </si>
  <si>
    <t>11月</t>
    <rPh sb="2" eb="3">
      <t>ガツ</t>
    </rPh>
    <phoneticPr fontId="1"/>
  </si>
  <si>
    <t>12月</t>
    <rPh sb="2" eb="3">
      <t>ガツ</t>
    </rPh>
    <phoneticPr fontId="1"/>
  </si>
  <si>
    <t>1月</t>
    <rPh sb="1" eb="2">
      <t>ガツ</t>
    </rPh>
    <phoneticPr fontId="1"/>
  </si>
  <si>
    <t>2月</t>
    <rPh sb="1" eb="2">
      <t>ガツ</t>
    </rPh>
    <phoneticPr fontId="1"/>
  </si>
  <si>
    <t>3月</t>
    <rPh sb="1" eb="2">
      <t>ガツ</t>
    </rPh>
    <phoneticPr fontId="1"/>
  </si>
  <si>
    <t>12</t>
    <phoneticPr fontId="1"/>
  </si>
  <si>
    <t>13</t>
    <phoneticPr fontId="1"/>
  </si>
  <si>
    <t>14</t>
    <phoneticPr fontId="1"/>
  </si>
  <si>
    <t>10</t>
    <phoneticPr fontId="1"/>
  </si>
  <si>
    <t>17</t>
    <phoneticPr fontId="1"/>
  </si>
  <si>
    <t>16</t>
    <phoneticPr fontId="1"/>
  </si>
  <si>
    <t>11</t>
    <phoneticPr fontId="1"/>
  </si>
  <si>
    <t>9</t>
    <phoneticPr fontId="1"/>
  </si>
  <si>
    <t>19</t>
    <phoneticPr fontId="1"/>
  </si>
  <si>
    <t>15</t>
    <phoneticPr fontId="1"/>
  </si>
  <si>
    <t>1</t>
    <phoneticPr fontId="1"/>
  </si>
  <si>
    <t>2</t>
    <phoneticPr fontId="1"/>
  </si>
  <si>
    <t>3</t>
    <phoneticPr fontId="1"/>
  </si>
  <si>
    <t>20</t>
    <phoneticPr fontId="1"/>
  </si>
  <si>
    <t>30</t>
    <phoneticPr fontId="1"/>
  </si>
  <si>
    <t>団体名：</t>
    <rPh sb="0" eb="2">
      <t>ダンタイ</t>
    </rPh>
    <rPh sb="2" eb="3">
      <t>メイ</t>
    </rPh>
    <phoneticPr fontId="2"/>
  </si>
  <si>
    <t>21</t>
    <phoneticPr fontId="1"/>
  </si>
  <si>
    <t>23</t>
    <phoneticPr fontId="1"/>
  </si>
  <si>
    <t>5</t>
    <phoneticPr fontId="1"/>
  </si>
  <si>
    <t>7</t>
    <phoneticPr fontId="1"/>
  </si>
  <si>
    <t>6</t>
    <phoneticPr fontId="1"/>
  </si>
  <si>
    <t>8</t>
    <phoneticPr fontId="1"/>
  </si>
  <si>
    <t>22</t>
    <phoneticPr fontId="1"/>
  </si>
  <si>
    <t>27</t>
    <phoneticPr fontId="1"/>
  </si>
  <si>
    <t>28</t>
    <phoneticPr fontId="1"/>
  </si>
  <si>
    <t>29</t>
    <phoneticPr fontId="1"/>
  </si>
  <si>
    <t>4</t>
    <phoneticPr fontId="1"/>
  </si>
  <si>
    <t>18</t>
    <phoneticPr fontId="1"/>
  </si>
  <si>
    <t>25</t>
    <phoneticPr fontId="1"/>
  </si>
  <si>
    <t>26</t>
    <phoneticPr fontId="1"/>
  </si>
  <si>
    <t>24</t>
    <phoneticPr fontId="1"/>
  </si>
  <si>
    <t>31</t>
    <phoneticPr fontId="1"/>
  </si>
  <si>
    <t>3</t>
    <phoneticPr fontId="2"/>
  </si>
  <si>
    <t>開設日の欄に〇を入れてください。月別と年合計が自動計算されます。</t>
    <rPh sb="0" eb="2">
      <t>カイセツ</t>
    </rPh>
    <rPh sb="2" eb="3">
      <t>ビ</t>
    </rPh>
    <rPh sb="4" eb="5">
      <t>ラン</t>
    </rPh>
    <rPh sb="8" eb="9">
      <t>イ</t>
    </rPh>
    <rPh sb="16" eb="18">
      <t>ツキベツ</t>
    </rPh>
    <rPh sb="19" eb="20">
      <t>ネン</t>
    </rPh>
    <rPh sb="20" eb="22">
      <t>ゴウケイ</t>
    </rPh>
    <rPh sb="23" eb="25">
      <t>ジドウ</t>
    </rPh>
    <rPh sb="25" eb="27">
      <t>ケイサン</t>
    </rPh>
    <phoneticPr fontId="1"/>
  </si>
  <si>
    <t>22</t>
    <phoneticPr fontId="2"/>
  </si>
  <si>
    <t>29</t>
    <phoneticPr fontId="2"/>
  </si>
  <si>
    <t>2026年度 相談業務年間開設予定（実績）表</t>
    <rPh sb="4" eb="6">
      <t>ネンド</t>
    </rPh>
    <rPh sb="7" eb="9">
      <t>ソウダン</t>
    </rPh>
    <rPh sb="9" eb="11">
      <t>ギョウム</t>
    </rPh>
    <rPh sb="11" eb="13">
      <t>ネンカン</t>
    </rPh>
    <rPh sb="13" eb="15">
      <t>カイセツ</t>
    </rPh>
    <rPh sb="15" eb="17">
      <t>ヨテイ</t>
    </rPh>
    <rPh sb="18" eb="20">
      <t>ジッセキ</t>
    </rPh>
    <rPh sb="21" eb="22">
      <t>ヒョウ</t>
    </rPh>
    <phoneticPr fontId="2"/>
  </si>
  <si>
    <t>7</t>
    <phoneticPr fontId="2"/>
  </si>
  <si>
    <t>8</t>
    <phoneticPr fontId="2"/>
  </si>
  <si>
    <t>9</t>
    <phoneticPr fontId="2"/>
  </si>
  <si>
    <t>28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7">
    <font>
      <sz val="12"/>
      <color theme="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ゴシック"/>
      <family val="3"/>
      <charset val="128"/>
    </font>
    <font>
      <sz val="18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name val="ＭＳ ゴシック"/>
      <family val="3"/>
      <charset val="128"/>
    </font>
    <font>
      <sz val="10"/>
      <name val="ＭＳ ゴシック"/>
      <family val="3"/>
      <charset val="128"/>
    </font>
    <font>
      <b/>
      <sz val="12"/>
      <name val="ＭＳ ゴシック"/>
      <family val="3"/>
      <charset val="128"/>
    </font>
    <font>
      <b/>
      <sz val="9"/>
      <name val="ＭＳ ゴシック"/>
      <family val="3"/>
      <charset val="128"/>
    </font>
    <font>
      <b/>
      <sz val="10"/>
      <name val="ＭＳ ゴシック"/>
      <family val="3"/>
      <charset val="128"/>
    </font>
    <font>
      <b/>
      <sz val="9"/>
      <color indexed="10"/>
      <name val="ＭＳ ゴシック"/>
      <family val="3"/>
      <charset val="128"/>
    </font>
    <font>
      <b/>
      <sz val="9"/>
      <color indexed="12"/>
      <name val="ＭＳ ゴシック"/>
      <family val="3"/>
      <charset val="128"/>
    </font>
    <font>
      <sz val="9"/>
      <name val="ＭＳ ゴシック"/>
      <family val="3"/>
      <charset val="128"/>
    </font>
    <font>
      <b/>
      <sz val="10"/>
      <color indexed="12"/>
      <name val="ＭＳ ゴシック"/>
      <family val="3"/>
      <charset val="128"/>
    </font>
    <font>
      <b/>
      <sz val="10"/>
      <color indexed="10"/>
      <name val="ＭＳ ゴシック"/>
      <family val="3"/>
      <charset val="128"/>
    </font>
    <font>
      <b/>
      <sz val="10.5"/>
      <name val="ＭＳ ゴシック"/>
      <family val="3"/>
      <charset val="128"/>
    </font>
    <font>
      <sz val="10.5"/>
      <name val="ＭＳ ゴシック"/>
      <family val="3"/>
      <charset val="128"/>
    </font>
    <font>
      <sz val="9"/>
      <name val="ＭＳ Ｐ明朝"/>
      <family val="1"/>
      <charset val="128"/>
    </font>
    <font>
      <b/>
      <sz val="8"/>
      <name val="ＭＳ ゴシック"/>
      <family val="3"/>
      <charset val="128"/>
    </font>
    <font>
      <b/>
      <sz val="8.5"/>
      <color indexed="10"/>
      <name val="ＭＳ ゴシック"/>
      <family val="3"/>
      <charset val="128"/>
    </font>
    <font>
      <b/>
      <sz val="8.5"/>
      <name val="ＭＳ ゴシック"/>
      <family val="3"/>
      <charset val="128"/>
    </font>
    <font>
      <b/>
      <sz val="8.5"/>
      <color indexed="12"/>
      <name val="ＭＳ ゴシック"/>
      <family val="3"/>
      <charset val="128"/>
    </font>
    <font>
      <sz val="8.5"/>
      <name val="ＭＳ Ｐ明朝"/>
      <family val="1"/>
      <charset val="128"/>
    </font>
    <font>
      <sz val="12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b/>
      <sz val="9"/>
      <color rgb="FFFF0000"/>
      <name val="ＭＳ ゴシック"/>
      <family val="3"/>
      <charset val="128"/>
    </font>
    <font>
      <sz val="9"/>
      <color theme="1"/>
      <name val="ＭＳ 明朝"/>
      <family val="1"/>
      <charset val="128"/>
    </font>
    <font>
      <b/>
      <sz val="11"/>
      <color theme="1"/>
      <name val="ＭＳ 明朝"/>
      <family val="1"/>
      <charset val="128"/>
    </font>
    <font>
      <b/>
      <sz val="10"/>
      <color theme="1"/>
      <name val="ＭＳ 明朝"/>
      <family val="1"/>
      <charset val="128"/>
    </font>
    <font>
      <b/>
      <sz val="8.5"/>
      <color rgb="FF0000FF"/>
      <name val="ＭＳ ゴシック"/>
      <family val="3"/>
      <charset val="128"/>
    </font>
    <font>
      <b/>
      <sz val="8.5"/>
      <color rgb="FFFF0000"/>
      <name val="ＭＳ ゴシック"/>
      <family val="3"/>
      <charset val="128"/>
    </font>
    <font>
      <sz val="12"/>
      <color rgb="FF0000FF"/>
      <name val="ＭＳ 明朝"/>
      <family val="1"/>
      <charset val="128"/>
    </font>
    <font>
      <b/>
      <sz val="8.5"/>
      <color theme="1"/>
      <name val="ＭＳ ゴシック"/>
      <family val="3"/>
      <charset val="128"/>
    </font>
    <font>
      <sz val="11"/>
      <color rgb="FF0000FF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8.5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51">
    <xf numFmtId="0" fontId="0" fillId="0" borderId="0" xfId="0">
      <alignment vertical="center"/>
    </xf>
    <xf numFmtId="49" fontId="3" fillId="0" borderId="0" xfId="0" applyNumberFormat="1" applyFont="1" applyBorder="1" applyAlignment="1">
      <alignment vertical="top"/>
    </xf>
    <xf numFmtId="49" fontId="3" fillId="0" borderId="0" xfId="0" applyNumberFormat="1" applyFont="1" applyAlignment="1">
      <alignment vertical="top"/>
    </xf>
    <xf numFmtId="49" fontId="7" fillId="0" borderId="0" xfId="0" applyNumberFormat="1" applyFont="1" applyBorder="1" applyAlignment="1">
      <alignment vertical="top"/>
    </xf>
    <xf numFmtId="49" fontId="8" fillId="0" borderId="0" xfId="0" applyNumberFormat="1" applyFont="1" applyBorder="1" applyAlignment="1">
      <alignment horizontal="left" vertical="center"/>
    </xf>
    <xf numFmtId="0" fontId="6" fillId="0" borderId="0" xfId="0" applyNumberFormat="1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49" fontId="6" fillId="0" borderId="0" xfId="0" applyNumberFormat="1" applyFont="1" applyBorder="1" applyAlignment="1">
      <alignment horizontal="right" vertical="center"/>
    </xf>
    <xf numFmtId="0" fontId="10" fillId="0" borderId="1" xfId="0" applyNumberFormat="1" applyFont="1" applyBorder="1" applyAlignment="1">
      <alignment horizontal="center" vertical="center"/>
    </xf>
    <xf numFmtId="49" fontId="11" fillId="0" borderId="2" xfId="0" applyNumberFormat="1" applyFont="1" applyBorder="1" applyAlignment="1">
      <alignment horizontal="center" vertical="top"/>
    </xf>
    <xf numFmtId="49" fontId="9" fillId="0" borderId="2" xfId="0" applyNumberFormat="1" applyFont="1" applyBorder="1" applyAlignment="1">
      <alignment horizontal="center" vertical="top"/>
    </xf>
    <xf numFmtId="49" fontId="9" fillId="0" borderId="3" xfId="0" applyNumberFormat="1" applyFont="1" applyBorder="1" applyAlignment="1">
      <alignment horizontal="center" vertical="top"/>
    </xf>
    <xf numFmtId="49" fontId="12" fillId="0" borderId="3" xfId="0" applyNumberFormat="1" applyFont="1" applyBorder="1" applyAlignment="1">
      <alignment horizontal="center" vertical="top"/>
    </xf>
    <xf numFmtId="49" fontId="0" fillId="0" borderId="4" xfId="0" applyNumberFormat="1" applyBorder="1" applyAlignment="1" applyProtection="1">
      <alignment horizontal="center" vertical="center"/>
      <protection locked="0"/>
    </xf>
    <xf numFmtId="49" fontId="0" fillId="0" borderId="5" xfId="0" applyNumberFormat="1" applyBorder="1" applyAlignment="1" applyProtection="1">
      <alignment horizontal="center" vertical="center"/>
      <protection locked="0"/>
    </xf>
    <xf numFmtId="49" fontId="0" fillId="2" borderId="5" xfId="0" applyNumberFormat="1" applyFill="1" applyBorder="1" applyAlignment="1" applyProtection="1">
      <alignment horizontal="center" vertical="center"/>
      <protection locked="0"/>
    </xf>
    <xf numFmtId="49" fontId="0" fillId="2" borderId="4" xfId="0" applyNumberFormat="1" applyFill="1" applyBorder="1" applyAlignment="1" applyProtection="1">
      <alignment horizontal="center" vertical="center"/>
      <protection locked="0"/>
    </xf>
    <xf numFmtId="49" fontId="4" fillId="0" borderId="0" xfId="0" applyNumberFormat="1" applyFont="1" applyAlignment="1">
      <alignment horizontal="left" vertical="center"/>
    </xf>
    <xf numFmtId="49" fontId="7" fillId="0" borderId="0" xfId="0" applyNumberFormat="1" applyFont="1" applyBorder="1" applyAlignment="1">
      <alignment horizontal="left" vertical="center"/>
    </xf>
    <xf numFmtId="0" fontId="0" fillId="0" borderId="0" xfId="0" applyAlignment="1">
      <alignment horizontal="left" vertical="center"/>
    </xf>
    <xf numFmtId="49" fontId="7" fillId="0" borderId="0" xfId="0" applyNumberFormat="1" applyFont="1" applyBorder="1" applyAlignment="1">
      <alignment horizontal="left" vertical="top"/>
    </xf>
    <xf numFmtId="49" fontId="18" fillId="0" borderId="0" xfId="0" applyNumberFormat="1" applyFont="1" applyBorder="1" applyAlignment="1">
      <alignment horizontal="right" vertical="center"/>
    </xf>
    <xf numFmtId="0" fontId="6" fillId="0" borderId="0" xfId="0" applyNumberFormat="1" applyFont="1" applyAlignment="1">
      <alignment vertical="top"/>
    </xf>
    <xf numFmtId="0" fontId="25" fillId="0" borderId="0" xfId="0" applyFont="1">
      <alignment vertical="center"/>
    </xf>
    <xf numFmtId="49" fontId="26" fillId="0" borderId="3" xfId="0" applyNumberFormat="1" applyFont="1" applyBorder="1" applyAlignment="1">
      <alignment vertical="top"/>
    </xf>
    <xf numFmtId="49" fontId="9" fillId="0" borderId="6" xfId="0" applyNumberFormat="1" applyFont="1" applyBorder="1" applyAlignment="1">
      <alignment vertical="top"/>
    </xf>
    <xf numFmtId="0" fontId="27" fillId="0" borderId="0" xfId="0" applyFont="1">
      <alignment vertical="center"/>
    </xf>
    <xf numFmtId="0" fontId="28" fillId="0" borderId="0" xfId="0" applyFont="1" applyAlignment="1">
      <alignment horizontal="center" vertical="center"/>
    </xf>
    <xf numFmtId="0" fontId="29" fillId="0" borderId="0" xfId="0" applyFont="1" applyAlignment="1">
      <alignment horizontal="center" vertical="center"/>
    </xf>
    <xf numFmtId="49" fontId="20" fillId="0" borderId="6" xfId="0" applyNumberFormat="1" applyFont="1" applyBorder="1" applyAlignment="1">
      <alignment vertical="top"/>
    </xf>
    <xf numFmtId="49" fontId="21" fillId="0" borderId="6" xfId="0" applyNumberFormat="1" applyFont="1" applyBorder="1" applyAlignment="1">
      <alignment vertical="top"/>
    </xf>
    <xf numFmtId="49" fontId="22" fillId="0" borderId="3" xfId="0" applyNumberFormat="1" applyFont="1" applyBorder="1" applyAlignment="1">
      <alignment vertical="top"/>
    </xf>
    <xf numFmtId="49" fontId="30" fillId="0" borderId="3" xfId="0" applyNumberFormat="1" applyFont="1" applyBorder="1" applyAlignment="1">
      <alignment vertical="top"/>
    </xf>
    <xf numFmtId="49" fontId="21" fillId="0" borderId="3" xfId="0" applyNumberFormat="1" applyFont="1" applyBorder="1" applyAlignment="1">
      <alignment vertical="top"/>
    </xf>
    <xf numFmtId="49" fontId="31" fillId="0" borderId="6" xfId="0" applyNumberFormat="1" applyFont="1" applyBorder="1" applyAlignment="1">
      <alignment vertical="top"/>
    </xf>
    <xf numFmtId="49" fontId="23" fillId="0" borderId="0" xfId="0" applyNumberFormat="1" applyFont="1" applyBorder="1" applyAlignment="1">
      <alignment horizontal="right" vertical="center"/>
    </xf>
    <xf numFmtId="49" fontId="21" fillId="2" borderId="6" xfId="0" applyNumberFormat="1" applyFont="1" applyFill="1" applyBorder="1" applyAlignment="1">
      <alignment vertical="top"/>
    </xf>
    <xf numFmtId="49" fontId="32" fillId="0" borderId="5" xfId="0" applyNumberFormat="1" applyFont="1" applyBorder="1" applyAlignment="1" applyProtection="1">
      <alignment horizontal="center" vertical="center"/>
      <protection locked="0"/>
    </xf>
    <xf numFmtId="49" fontId="33" fillId="0" borderId="6" xfId="0" applyNumberFormat="1" applyFont="1" applyBorder="1" applyAlignment="1">
      <alignment vertical="top"/>
    </xf>
    <xf numFmtId="49" fontId="0" fillId="2" borderId="5" xfId="0" applyNumberFormat="1" applyFont="1" applyFill="1" applyBorder="1" applyAlignment="1">
      <alignment horizontal="center" vertical="center"/>
    </xf>
    <xf numFmtId="49" fontId="11" fillId="3" borderId="7" xfId="0" applyNumberFormat="1" applyFont="1" applyFill="1" applyBorder="1" applyAlignment="1">
      <alignment vertical="top"/>
    </xf>
    <xf numFmtId="49" fontId="9" fillId="3" borderId="7" xfId="0" applyNumberFormat="1" applyFont="1" applyFill="1" applyBorder="1" applyAlignment="1">
      <alignment vertical="top"/>
    </xf>
    <xf numFmtId="49" fontId="9" fillId="3" borderId="8" xfId="0" applyNumberFormat="1" applyFont="1" applyFill="1" applyBorder="1" applyAlignment="1">
      <alignment vertical="top"/>
    </xf>
    <xf numFmtId="49" fontId="0" fillId="3" borderId="9" xfId="0" applyNumberFormat="1" applyFill="1" applyBorder="1" applyAlignment="1" applyProtection="1">
      <alignment horizontal="center" vertical="center"/>
      <protection locked="0"/>
    </xf>
    <xf numFmtId="49" fontId="9" fillId="3" borderId="0" xfId="0" applyNumberFormat="1" applyFont="1" applyFill="1" applyBorder="1" applyAlignment="1">
      <alignment vertical="top"/>
    </xf>
    <xf numFmtId="49" fontId="0" fillId="3" borderId="0" xfId="0" applyNumberFormat="1" applyFill="1" applyBorder="1" applyAlignment="1">
      <alignment horizontal="center" vertical="center"/>
    </xf>
    <xf numFmtId="49" fontId="0" fillId="3" borderId="0" xfId="0" applyNumberFormat="1" applyFont="1" applyFill="1" applyBorder="1" applyAlignment="1">
      <alignment horizontal="center" vertical="center"/>
    </xf>
    <xf numFmtId="49" fontId="10" fillId="3" borderId="0" xfId="0" applyNumberFormat="1" applyFont="1" applyFill="1" applyBorder="1" applyAlignment="1">
      <alignment vertical="top"/>
    </xf>
    <xf numFmtId="49" fontId="0" fillId="3" borderId="7" xfId="0" applyNumberFormat="1" applyFill="1" applyBorder="1" applyAlignment="1" applyProtection="1">
      <alignment horizontal="center" vertical="center"/>
      <protection locked="0"/>
    </xf>
    <xf numFmtId="49" fontId="0" fillId="3" borderId="0" xfId="0" applyNumberFormat="1" applyFill="1" applyBorder="1" applyAlignment="1" applyProtection="1">
      <alignment horizontal="center" vertical="center"/>
      <protection locked="0"/>
    </xf>
    <xf numFmtId="49" fontId="9" fillId="3" borderId="0" xfId="0" applyNumberFormat="1" applyFont="1" applyFill="1" applyBorder="1" applyAlignment="1" applyProtection="1">
      <alignment vertical="top"/>
      <protection locked="0"/>
    </xf>
    <xf numFmtId="49" fontId="0" fillId="3" borderId="0" xfId="0" applyNumberFormat="1" applyFont="1" applyFill="1" applyBorder="1" applyAlignment="1" applyProtection="1">
      <alignment horizontal="center" vertical="center"/>
      <protection locked="0"/>
    </xf>
    <xf numFmtId="49" fontId="34" fillId="2" borderId="5" xfId="0" applyNumberFormat="1" applyFont="1" applyFill="1" applyBorder="1" applyAlignment="1" applyProtection="1">
      <alignment horizontal="center" vertical="center"/>
      <protection locked="0"/>
    </xf>
    <xf numFmtId="49" fontId="27" fillId="3" borderId="0" xfId="0" applyNumberFormat="1" applyFont="1" applyFill="1" applyBorder="1" applyAlignment="1" applyProtection="1">
      <alignment horizontal="center" vertical="center"/>
      <protection locked="0"/>
    </xf>
    <xf numFmtId="49" fontId="27" fillId="3" borderId="0" xfId="0" applyNumberFormat="1" applyFont="1" applyFill="1" applyBorder="1" applyAlignment="1">
      <alignment horizontal="center" vertical="center"/>
    </xf>
    <xf numFmtId="0" fontId="0" fillId="3" borderId="0" xfId="0" applyFill="1">
      <alignment vertical="center"/>
    </xf>
    <xf numFmtId="0" fontId="27" fillId="3" borderId="0" xfId="0" applyFont="1" applyFill="1">
      <alignment vertical="center"/>
    </xf>
    <xf numFmtId="0" fontId="27" fillId="3" borderId="0" xfId="0" applyFont="1" applyFill="1" applyBorder="1">
      <alignment vertical="center"/>
    </xf>
    <xf numFmtId="0" fontId="0" fillId="3" borderId="0" xfId="0" applyFill="1" applyBorder="1">
      <alignment vertical="center"/>
    </xf>
    <xf numFmtId="49" fontId="7" fillId="3" borderId="0" xfId="0" applyNumberFormat="1" applyFont="1" applyFill="1" applyBorder="1" applyAlignment="1">
      <alignment horizontal="left" vertical="center"/>
    </xf>
    <xf numFmtId="0" fontId="13" fillId="3" borderId="0" xfId="0" applyNumberFormat="1" applyFont="1" applyFill="1" applyAlignment="1">
      <alignment horizontal="left" vertical="center"/>
    </xf>
    <xf numFmtId="0" fontId="9" fillId="3" borderId="0" xfId="0" applyNumberFormat="1" applyFont="1" applyFill="1" applyAlignment="1">
      <alignment horizontal="left" vertical="center"/>
    </xf>
    <xf numFmtId="0" fontId="0" fillId="3" borderId="0" xfId="0" applyNumberFormat="1" applyFont="1" applyFill="1" applyAlignment="1">
      <alignment horizontal="left" vertical="center"/>
    </xf>
    <xf numFmtId="0" fontId="21" fillId="3" borderId="0" xfId="0" applyNumberFormat="1" applyFont="1" applyFill="1" applyAlignment="1">
      <alignment horizontal="left" vertical="center"/>
    </xf>
    <xf numFmtId="0" fontId="7" fillId="3" borderId="0" xfId="0" applyNumberFormat="1" applyFont="1" applyFill="1" applyAlignment="1">
      <alignment horizontal="left" vertical="center"/>
    </xf>
    <xf numFmtId="0" fontId="7" fillId="3" borderId="0" xfId="0" applyNumberFormat="1" applyFont="1" applyFill="1" applyBorder="1" applyAlignment="1">
      <alignment horizontal="left" vertical="center"/>
    </xf>
    <xf numFmtId="0" fontId="19" fillId="3" borderId="0" xfId="0" applyNumberFormat="1" applyFont="1" applyFill="1" applyAlignment="1">
      <alignment horizontal="left" vertical="center"/>
    </xf>
    <xf numFmtId="49" fontId="9" fillId="3" borderId="0" xfId="0" applyNumberFormat="1" applyFont="1" applyFill="1" applyBorder="1" applyAlignment="1">
      <alignment horizontal="left" vertical="top"/>
    </xf>
    <xf numFmtId="0" fontId="27" fillId="3" borderId="0" xfId="0" applyNumberFormat="1" applyFont="1" applyFill="1" applyAlignment="1">
      <alignment horizontal="left" vertical="center"/>
    </xf>
    <xf numFmtId="0" fontId="0" fillId="3" borderId="0" xfId="0" applyFill="1" applyAlignment="1">
      <alignment horizontal="left" vertical="center"/>
    </xf>
    <xf numFmtId="49" fontId="7" fillId="3" borderId="0" xfId="0" applyNumberFormat="1" applyFont="1" applyFill="1" applyBorder="1" applyAlignment="1">
      <alignment vertical="top"/>
    </xf>
    <xf numFmtId="49" fontId="15" fillId="3" borderId="0" xfId="0" applyNumberFormat="1" applyFont="1" applyFill="1" applyBorder="1" applyAlignment="1">
      <alignment vertical="top"/>
    </xf>
    <xf numFmtId="49" fontId="14" fillId="3" borderId="0" xfId="0" applyNumberFormat="1" applyFont="1" applyFill="1" applyBorder="1" applyAlignment="1">
      <alignment vertical="top"/>
    </xf>
    <xf numFmtId="49" fontId="7" fillId="3" borderId="0" xfId="0" applyNumberFormat="1" applyFont="1" applyFill="1" applyBorder="1" applyAlignment="1">
      <alignment horizontal="left" vertical="top"/>
    </xf>
    <xf numFmtId="0" fontId="10" fillId="3" borderId="0" xfId="0" applyNumberFormat="1" applyFont="1" applyFill="1" applyAlignment="1">
      <alignment horizontal="left" vertical="center"/>
    </xf>
    <xf numFmtId="49" fontId="9" fillId="0" borderId="10" xfId="0" applyNumberFormat="1" applyFont="1" applyBorder="1" applyAlignment="1">
      <alignment vertical="top"/>
    </xf>
    <xf numFmtId="49" fontId="0" fillId="0" borderId="10" xfId="0" applyNumberFormat="1" applyBorder="1" applyAlignment="1" applyProtection="1">
      <alignment horizontal="center" vertical="center"/>
      <protection locked="0"/>
    </xf>
    <xf numFmtId="49" fontId="0" fillId="0" borderId="11" xfId="0" applyNumberFormat="1" applyBorder="1" applyAlignment="1" applyProtection="1">
      <alignment horizontal="center" vertical="center"/>
      <protection locked="0"/>
    </xf>
    <xf numFmtId="49" fontId="0" fillId="0" borderId="9" xfId="0" applyNumberFormat="1" applyBorder="1" applyAlignment="1" applyProtection="1">
      <alignment horizontal="center" vertical="center"/>
      <protection locked="0"/>
    </xf>
    <xf numFmtId="49" fontId="0" fillId="2" borderId="10" xfId="0" applyNumberFormat="1" applyFill="1" applyBorder="1" applyAlignment="1" applyProtection="1">
      <alignment horizontal="center" vertical="center"/>
      <protection locked="0"/>
    </xf>
    <xf numFmtId="49" fontId="0" fillId="2" borderId="11" xfId="0" applyNumberFormat="1" applyFill="1" applyBorder="1" applyAlignment="1" applyProtection="1">
      <alignment horizontal="center" vertical="center"/>
      <protection locked="0"/>
    </xf>
    <xf numFmtId="49" fontId="20" fillId="0" borderId="10" xfId="0" applyNumberFormat="1" applyFont="1" applyBorder="1" applyAlignment="1">
      <alignment vertical="top"/>
    </xf>
    <xf numFmtId="49" fontId="21" fillId="0" borderId="10" xfId="0" applyNumberFormat="1" applyFont="1" applyBorder="1" applyAlignment="1">
      <alignment vertical="top"/>
    </xf>
    <xf numFmtId="49" fontId="21" fillId="2" borderId="11" xfId="0" applyNumberFormat="1" applyFont="1" applyFill="1" applyBorder="1" applyAlignment="1">
      <alignment vertical="top"/>
    </xf>
    <xf numFmtId="49" fontId="0" fillId="0" borderId="4" xfId="0" applyNumberFormat="1" applyFill="1" applyBorder="1" applyAlignment="1" applyProtection="1">
      <alignment horizontal="center" vertical="center"/>
      <protection locked="0"/>
    </xf>
    <xf numFmtId="49" fontId="24" fillId="0" borderId="5" xfId="0" applyNumberFormat="1" applyFont="1" applyBorder="1" applyAlignment="1">
      <alignment horizontal="center" vertical="top"/>
    </xf>
    <xf numFmtId="49" fontId="24" fillId="2" borderId="12" xfId="0" applyNumberFormat="1" applyFont="1" applyFill="1" applyBorder="1" applyAlignment="1">
      <alignment horizontal="center" vertical="top"/>
    </xf>
    <xf numFmtId="49" fontId="24" fillId="2" borderId="5" xfId="0" applyNumberFormat="1" applyFont="1" applyFill="1" applyBorder="1" applyAlignment="1">
      <alignment horizontal="center" vertical="top"/>
    </xf>
    <xf numFmtId="49" fontId="0" fillId="0" borderId="5" xfId="0" applyNumberFormat="1" applyFill="1" applyBorder="1" applyAlignment="1" applyProtection="1">
      <alignment horizontal="center" vertical="center"/>
      <protection locked="0"/>
    </xf>
    <xf numFmtId="49" fontId="24" fillId="0" borderId="4" xfId="0" applyNumberFormat="1" applyFont="1" applyBorder="1" applyAlignment="1">
      <alignment horizontal="center" vertical="top"/>
    </xf>
    <xf numFmtId="49" fontId="32" fillId="0" borderId="5" xfId="0" applyNumberFormat="1" applyFont="1" applyBorder="1" applyAlignment="1">
      <alignment horizontal="center" vertical="top"/>
    </xf>
    <xf numFmtId="49" fontId="0" fillId="2" borderId="5" xfId="0" applyNumberFormat="1" applyFont="1" applyFill="1" applyBorder="1" applyAlignment="1" applyProtection="1">
      <alignment horizontal="center" vertical="center"/>
      <protection locked="0"/>
    </xf>
    <xf numFmtId="49" fontId="24" fillId="0" borderId="5" xfId="0" applyNumberFormat="1" applyFont="1" applyBorder="1" applyAlignment="1">
      <alignment horizontal="center" vertical="center"/>
    </xf>
    <xf numFmtId="49" fontId="24" fillId="0" borderId="5" xfId="0" applyNumberFormat="1" applyFont="1" applyFill="1" applyBorder="1" applyAlignment="1">
      <alignment horizontal="center" vertical="center"/>
    </xf>
    <xf numFmtId="49" fontId="0" fillId="3" borderId="9" xfId="0" applyNumberFormat="1" applyFont="1" applyFill="1" applyBorder="1" applyAlignment="1">
      <alignment horizontal="center" vertical="center"/>
    </xf>
    <xf numFmtId="49" fontId="12" fillId="0" borderId="0" xfId="0" applyNumberFormat="1" applyFont="1" applyBorder="1" applyAlignment="1">
      <alignment vertical="top"/>
    </xf>
    <xf numFmtId="49" fontId="0" fillId="0" borderId="0" xfId="0" applyNumberFormat="1" applyBorder="1" applyAlignment="1" applyProtection="1">
      <alignment horizontal="center" vertical="center"/>
      <protection locked="0"/>
    </xf>
    <xf numFmtId="49" fontId="22" fillId="0" borderId="0" xfId="0" applyNumberFormat="1" applyFont="1" applyBorder="1" applyAlignment="1">
      <alignment vertical="top"/>
    </xf>
    <xf numFmtId="49" fontId="0" fillId="2" borderId="0" xfId="0" applyNumberFormat="1" applyFill="1" applyBorder="1" applyAlignment="1" applyProtection="1">
      <alignment horizontal="center" vertical="center"/>
      <protection locked="0"/>
    </xf>
    <xf numFmtId="49" fontId="24" fillId="0" borderId="0" xfId="0" applyNumberFormat="1" applyFont="1" applyFill="1" applyBorder="1" applyAlignment="1">
      <alignment horizontal="center" vertical="center"/>
    </xf>
    <xf numFmtId="49" fontId="31" fillId="2" borderId="6" xfId="0" applyNumberFormat="1" applyFont="1" applyFill="1" applyBorder="1" applyAlignment="1">
      <alignment vertical="top"/>
    </xf>
    <xf numFmtId="49" fontId="24" fillId="0" borderId="4" xfId="0" applyNumberFormat="1" applyFont="1" applyBorder="1" applyAlignment="1" applyProtection="1">
      <alignment horizontal="center" vertical="center"/>
      <protection locked="0"/>
    </xf>
    <xf numFmtId="0" fontId="27" fillId="0" borderId="0" xfId="0" applyFont="1" applyAlignment="1"/>
    <xf numFmtId="0" fontId="9" fillId="0" borderId="0" xfId="0" applyNumberFormat="1" applyFont="1" applyBorder="1" applyAlignment="1">
      <alignment vertical="center"/>
    </xf>
    <xf numFmtId="49" fontId="0" fillId="3" borderId="12" xfId="0" applyNumberFormat="1" applyFill="1" applyBorder="1" applyAlignment="1" applyProtection="1">
      <alignment horizontal="center" vertical="center"/>
      <protection locked="0"/>
    </xf>
    <xf numFmtId="0" fontId="0" fillId="3" borderId="10" xfId="0" applyNumberFormat="1" applyFont="1" applyFill="1" applyBorder="1" applyAlignment="1">
      <alignment horizontal="left" vertical="center"/>
    </xf>
    <xf numFmtId="49" fontId="31" fillId="0" borderId="10" xfId="0" applyNumberFormat="1" applyFont="1" applyBorder="1" applyAlignment="1">
      <alignment vertical="top"/>
    </xf>
    <xf numFmtId="49" fontId="21" fillId="2" borderId="3" xfId="0" applyNumberFormat="1" applyFont="1" applyFill="1" applyBorder="1" applyAlignment="1">
      <alignment vertical="top"/>
    </xf>
    <xf numFmtId="49" fontId="21" fillId="0" borderId="11" xfId="0" applyNumberFormat="1" applyFont="1" applyBorder="1" applyAlignment="1">
      <alignment vertical="top"/>
    </xf>
    <xf numFmtId="49" fontId="9" fillId="3" borderId="3" xfId="0" applyNumberFormat="1" applyFont="1" applyFill="1" applyBorder="1" applyAlignment="1">
      <alignment vertical="top"/>
    </xf>
    <xf numFmtId="49" fontId="24" fillId="3" borderId="5" xfId="0" applyNumberFormat="1" applyFont="1" applyFill="1" applyBorder="1" applyAlignment="1" applyProtection="1">
      <alignment horizontal="center" vertical="center"/>
      <protection locked="0"/>
    </xf>
    <xf numFmtId="49" fontId="20" fillId="0" borderId="3" xfId="0" applyNumberFormat="1" applyFont="1" applyBorder="1" applyAlignment="1">
      <alignment vertical="top"/>
    </xf>
    <xf numFmtId="49" fontId="31" fillId="0" borderId="3" xfId="0" applyNumberFormat="1" applyFont="1" applyBorder="1" applyAlignment="1">
      <alignment vertical="top"/>
    </xf>
    <xf numFmtId="0" fontId="36" fillId="3" borderId="0" xfId="0" applyNumberFormat="1" applyFont="1" applyFill="1" applyAlignment="1">
      <alignment horizontal="left" vertical="center"/>
    </xf>
    <xf numFmtId="49" fontId="33" fillId="0" borderId="3" xfId="0" applyNumberFormat="1" applyFont="1" applyBorder="1" applyAlignment="1">
      <alignment vertical="top"/>
    </xf>
    <xf numFmtId="49" fontId="30" fillId="2" borderId="3" xfId="0" applyNumberFormat="1" applyFont="1" applyFill="1" applyBorder="1" applyAlignment="1">
      <alignment vertical="top"/>
    </xf>
    <xf numFmtId="49" fontId="31" fillId="2" borderId="11" xfId="0" applyNumberFormat="1" applyFont="1" applyFill="1" applyBorder="1" applyAlignment="1">
      <alignment vertical="top"/>
    </xf>
    <xf numFmtId="49" fontId="21" fillId="2" borderId="10" xfId="0" applyNumberFormat="1" applyFont="1" applyFill="1" applyBorder="1" applyAlignment="1">
      <alignment vertical="top"/>
    </xf>
    <xf numFmtId="49" fontId="20" fillId="2" borderId="3" xfId="0" applyNumberFormat="1" applyFont="1" applyFill="1" applyBorder="1" applyAlignment="1">
      <alignment vertical="top"/>
    </xf>
    <xf numFmtId="49" fontId="31" fillId="2" borderId="3" xfId="0" applyNumberFormat="1" applyFont="1" applyFill="1" applyBorder="1" applyAlignment="1">
      <alignment vertical="top"/>
    </xf>
    <xf numFmtId="49" fontId="33" fillId="2" borderId="6" xfId="0" applyNumberFormat="1" applyFont="1" applyFill="1" applyBorder="1" applyAlignment="1">
      <alignment vertical="top"/>
    </xf>
    <xf numFmtId="0" fontId="29" fillId="0" borderId="0" xfId="0" applyFont="1" applyAlignment="1">
      <alignment horizontal="left" vertical="center" wrapText="1"/>
    </xf>
    <xf numFmtId="0" fontId="5" fillId="0" borderId="13" xfId="0" applyNumberFormat="1" applyFont="1" applyBorder="1" applyAlignment="1" applyProtection="1">
      <alignment horizontal="left" vertical="center" wrapText="1"/>
      <protection locked="0"/>
    </xf>
    <xf numFmtId="0" fontId="35" fillId="0" borderId="13" xfId="0" applyFont="1" applyBorder="1" applyAlignment="1" applyProtection="1">
      <alignment horizontal="left" wrapText="1"/>
      <protection locked="0"/>
    </xf>
    <xf numFmtId="0" fontId="8" fillId="0" borderId="14" xfId="0" applyNumberFormat="1" applyFont="1" applyBorder="1" applyAlignment="1">
      <alignment horizontal="center" vertical="center"/>
    </xf>
    <xf numFmtId="0" fontId="8" fillId="0" borderId="15" xfId="0" applyNumberFormat="1" applyFont="1" applyBorder="1" applyAlignment="1">
      <alignment horizontal="center" vertical="center"/>
    </xf>
    <xf numFmtId="55" fontId="5" fillId="0" borderId="9" xfId="0" applyNumberFormat="1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0" fillId="0" borderId="9" xfId="0" applyBorder="1" applyAlignment="1"/>
    <xf numFmtId="55" fontId="16" fillId="0" borderId="9" xfId="0" applyNumberFormat="1" applyFont="1" applyBorder="1" applyAlignment="1">
      <alignment horizontal="center" vertical="center"/>
    </xf>
    <xf numFmtId="0" fontId="17" fillId="0" borderId="9" xfId="0" applyFont="1" applyBorder="1" applyAlignment="1">
      <alignment horizontal="center" vertical="center"/>
    </xf>
    <xf numFmtId="0" fontId="17" fillId="0" borderId="9" xfId="0" applyFont="1" applyBorder="1" applyAlignment="1"/>
    <xf numFmtId="49" fontId="21" fillId="3" borderId="6" xfId="0" applyNumberFormat="1" applyFont="1" applyFill="1" applyBorder="1" applyAlignment="1">
      <alignment vertical="top"/>
    </xf>
    <xf numFmtId="49" fontId="24" fillId="3" borderId="4" xfId="0" applyNumberFormat="1" applyFont="1" applyFill="1" applyBorder="1" applyAlignment="1" applyProtection="1">
      <alignment horizontal="center" vertical="center"/>
      <protection locked="0"/>
    </xf>
    <xf numFmtId="49" fontId="20" fillId="3" borderId="7" xfId="0" applyNumberFormat="1" applyFont="1" applyFill="1" applyBorder="1" applyAlignment="1">
      <alignment vertical="top"/>
    </xf>
    <xf numFmtId="49" fontId="21" fillId="3" borderId="7" xfId="0" applyNumberFormat="1" applyFont="1" applyFill="1" applyBorder="1" applyAlignment="1">
      <alignment vertical="top"/>
    </xf>
    <xf numFmtId="49" fontId="31" fillId="3" borderId="7" xfId="0" applyNumberFormat="1" applyFont="1" applyFill="1" applyBorder="1" applyAlignment="1">
      <alignment vertical="top"/>
    </xf>
    <xf numFmtId="49" fontId="26" fillId="3" borderId="7" xfId="0" applyNumberFormat="1" applyFont="1" applyFill="1" applyBorder="1" applyAlignment="1">
      <alignment vertical="top"/>
    </xf>
    <xf numFmtId="49" fontId="24" fillId="3" borderId="0" xfId="0" applyNumberFormat="1" applyFont="1" applyFill="1" applyBorder="1" applyAlignment="1">
      <alignment horizontal="center" vertical="top"/>
    </xf>
    <xf numFmtId="49" fontId="22" fillId="3" borderId="7" xfId="0" applyNumberFormat="1" applyFont="1" applyFill="1" applyBorder="1" applyAlignment="1">
      <alignment vertical="top"/>
    </xf>
    <xf numFmtId="49" fontId="0" fillId="3" borderId="10" xfId="0" applyNumberFormat="1" applyFill="1" applyBorder="1" applyAlignment="1" applyProtection="1">
      <alignment horizontal="center" vertical="center"/>
      <protection locked="0"/>
    </xf>
    <xf numFmtId="49" fontId="21" fillId="3" borderId="8" xfId="0" applyNumberFormat="1" applyFont="1" applyFill="1" applyBorder="1" applyAlignment="1">
      <alignment vertical="top"/>
    </xf>
    <xf numFmtId="49" fontId="24" fillId="3" borderId="0" xfId="0" applyNumberFormat="1" applyFont="1" applyFill="1" applyBorder="1" applyAlignment="1">
      <alignment horizontal="center" vertical="center"/>
    </xf>
    <xf numFmtId="49" fontId="20" fillId="3" borderId="8" xfId="0" applyNumberFormat="1" applyFont="1" applyFill="1" applyBorder="1" applyAlignment="1">
      <alignment vertical="top"/>
    </xf>
    <xf numFmtId="49" fontId="33" fillId="3" borderId="8" xfId="0" applyNumberFormat="1" applyFont="1" applyFill="1" applyBorder="1" applyAlignment="1">
      <alignment vertical="top"/>
    </xf>
    <xf numFmtId="49" fontId="31" fillId="2" borderId="10" xfId="0" applyNumberFormat="1" applyFont="1" applyFill="1" applyBorder="1" applyAlignment="1">
      <alignment vertical="top"/>
    </xf>
    <xf numFmtId="49" fontId="9" fillId="2" borderId="3" xfId="0" applyNumberFormat="1" applyFont="1" applyFill="1" applyBorder="1" applyAlignment="1">
      <alignment vertical="top"/>
    </xf>
    <xf numFmtId="49" fontId="26" fillId="2" borderId="3" xfId="0" applyNumberFormat="1" applyFont="1" applyFill="1" applyBorder="1" applyAlignment="1">
      <alignment vertical="top"/>
    </xf>
    <xf numFmtId="49" fontId="24" fillId="2" borderId="4" xfId="0" applyNumberFormat="1" applyFont="1" applyFill="1" applyBorder="1" applyAlignment="1" applyProtection="1">
      <alignment horizontal="center" vertical="center"/>
      <protection locked="0"/>
    </xf>
    <xf numFmtId="49" fontId="24" fillId="0" borderId="5" xfId="0" applyNumberFormat="1" applyFont="1" applyBorder="1" applyAlignment="1" applyProtection="1">
      <alignment horizontal="center" vertical="center"/>
      <protection locked="0"/>
    </xf>
    <xf numFmtId="49" fontId="31" fillId="3" borderId="8" xfId="0" applyNumberFormat="1" applyFont="1" applyFill="1" applyBorder="1" applyAlignment="1">
      <alignment vertical="top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AK66"/>
  <sheetViews>
    <sheetView showGridLines="0" tabSelected="1" zoomScaleNormal="100" workbookViewId="0">
      <selection activeCell="M18" sqref="M18"/>
    </sheetView>
  </sheetViews>
  <sheetFormatPr defaultRowHeight="14"/>
  <cols>
    <col min="1" max="1" width="2.6640625" customWidth="1"/>
    <col min="2" max="4" width="3.6640625" customWidth="1"/>
    <col min="5" max="5" width="3.58203125" customWidth="1"/>
    <col min="6" max="8" width="3.5" customWidth="1"/>
    <col min="9" max="9" width="3.6640625" style="19" customWidth="1"/>
    <col min="10" max="12" width="3.6640625" customWidth="1"/>
    <col min="13" max="15" width="3.5" customWidth="1"/>
    <col min="16" max="16" width="3.4140625" customWidth="1"/>
    <col min="17" max="17" width="3.5" style="19" customWidth="1"/>
    <col min="18" max="20" width="3.6640625" customWidth="1"/>
    <col min="21" max="21" width="3.5" customWidth="1"/>
    <col min="22" max="22" width="3.1640625" customWidth="1"/>
    <col min="23" max="23" width="3.58203125" customWidth="1"/>
    <col min="24" max="24" width="3.5" customWidth="1"/>
    <col min="25" max="25" width="2.9140625" style="19" customWidth="1"/>
    <col min="26" max="27" width="5.08203125" customWidth="1"/>
    <col min="28" max="29" width="6.4140625" customWidth="1"/>
    <col min="30" max="30" width="2.6640625" customWidth="1"/>
    <col min="31" max="31" width="6.08203125" customWidth="1"/>
    <col min="32" max="32" width="2.58203125" customWidth="1"/>
    <col min="33" max="33" width="5.6640625" customWidth="1"/>
    <col min="34" max="34" width="5.1640625" customWidth="1"/>
    <col min="35" max="35" width="6.4140625" customWidth="1"/>
  </cols>
  <sheetData>
    <row r="1" spans="1:37" ht="21">
      <c r="B1" s="22" t="s">
        <v>70</v>
      </c>
      <c r="C1" s="1"/>
      <c r="D1" s="1"/>
      <c r="E1" s="2"/>
      <c r="F1" s="1"/>
      <c r="G1" s="1"/>
      <c r="H1" s="1"/>
      <c r="I1" s="17"/>
      <c r="J1" s="1"/>
      <c r="K1" s="1"/>
      <c r="L1" s="1"/>
      <c r="M1" s="1"/>
      <c r="N1" s="1"/>
      <c r="P1" s="103" t="s">
        <v>49</v>
      </c>
      <c r="Q1" s="102"/>
      <c r="R1" s="122"/>
      <c r="S1" s="123"/>
      <c r="T1" s="123"/>
      <c r="U1" s="123"/>
      <c r="V1" s="123"/>
      <c r="W1" s="123"/>
      <c r="X1" s="123"/>
      <c r="Y1" s="20"/>
      <c r="Z1" s="121" t="s">
        <v>67</v>
      </c>
      <c r="AA1" s="121"/>
      <c r="AB1" s="121"/>
      <c r="AC1" s="121"/>
      <c r="AD1" s="121"/>
      <c r="AE1" s="121"/>
      <c r="AF1" s="121"/>
      <c r="AG1" s="121"/>
      <c r="AH1" s="121"/>
      <c r="AI1" s="121"/>
      <c r="AJ1" s="121"/>
      <c r="AK1" s="121"/>
    </row>
    <row r="2" spans="1:37" ht="4.25" customHeight="1" thickBot="1">
      <c r="B2" s="3"/>
      <c r="C2" s="3"/>
      <c r="D2" s="3"/>
      <c r="E2" s="3"/>
      <c r="F2" s="3"/>
      <c r="G2" s="3"/>
      <c r="H2" s="3"/>
      <c r="I2" s="18"/>
      <c r="J2" s="3"/>
      <c r="K2" s="3"/>
      <c r="L2" s="3"/>
      <c r="M2" s="3"/>
      <c r="N2" s="3"/>
      <c r="O2" s="3"/>
      <c r="P2" s="3"/>
      <c r="Q2" s="18"/>
      <c r="R2" s="3"/>
      <c r="S2" s="3"/>
      <c r="T2" s="3"/>
      <c r="U2" s="3"/>
      <c r="V2" s="3"/>
      <c r="W2" s="3"/>
      <c r="X2" s="3"/>
      <c r="Y2" s="20"/>
      <c r="Z2" s="121"/>
      <c r="AA2" s="121"/>
      <c r="AB2" s="121"/>
      <c r="AC2" s="121"/>
      <c r="AD2" s="121"/>
      <c r="AE2" s="121"/>
      <c r="AF2" s="121"/>
      <c r="AG2" s="121"/>
      <c r="AH2" s="121"/>
      <c r="AI2" s="121"/>
      <c r="AJ2" s="121"/>
      <c r="AK2" s="121"/>
    </row>
    <row r="3" spans="1:37" ht="14" customHeight="1" thickBot="1">
      <c r="A3" s="55"/>
      <c r="B3" s="70"/>
      <c r="C3" s="70"/>
      <c r="D3" s="70"/>
      <c r="E3" s="70"/>
      <c r="F3" s="70"/>
      <c r="G3" s="70"/>
      <c r="H3" s="70"/>
      <c r="I3" s="59"/>
      <c r="J3" s="70"/>
      <c r="K3" s="70"/>
      <c r="L3" s="70"/>
      <c r="M3" s="70"/>
      <c r="N3" s="70"/>
      <c r="O3" s="70"/>
      <c r="P3" s="124">
        <f>+H4+P4+X4+H21+P21+X21+H36+P36+X36+H51+P51+X51</f>
        <v>0</v>
      </c>
      <c r="Q3" s="125"/>
      <c r="R3" s="4" t="s">
        <v>0</v>
      </c>
      <c r="S3" s="5"/>
      <c r="T3" s="6"/>
      <c r="U3" s="7"/>
      <c r="V3" s="1"/>
      <c r="W3" s="1"/>
      <c r="X3" s="1"/>
      <c r="Y3" s="73"/>
      <c r="AH3" s="23"/>
      <c r="AI3" s="23"/>
    </row>
    <row r="4" spans="1:37" ht="13.25" customHeight="1">
      <c r="A4" s="55"/>
      <c r="B4" s="126">
        <v>46113</v>
      </c>
      <c r="C4" s="127"/>
      <c r="D4" s="128"/>
      <c r="E4" s="3"/>
      <c r="F4" s="3"/>
      <c r="G4" s="35" t="s">
        <v>1</v>
      </c>
      <c r="H4" s="8">
        <f>SUM(AC7:AC19)</f>
        <v>0</v>
      </c>
      <c r="I4" s="59"/>
      <c r="J4" s="126">
        <v>46143</v>
      </c>
      <c r="K4" s="127"/>
      <c r="L4" s="128"/>
      <c r="M4" s="3"/>
      <c r="N4" s="3"/>
      <c r="O4" s="35" t="s">
        <v>1</v>
      </c>
      <c r="P4" s="8">
        <f>SUM(AE7:AE19)</f>
        <v>0</v>
      </c>
      <c r="Q4" s="59"/>
      <c r="R4" s="126">
        <v>46174</v>
      </c>
      <c r="S4" s="127"/>
      <c r="T4" s="128"/>
      <c r="U4" s="3"/>
      <c r="V4" s="3"/>
      <c r="W4" s="35" t="s">
        <v>1</v>
      </c>
      <c r="X4" s="8">
        <f>SUM(AG7:AG19)</f>
        <v>0</v>
      </c>
      <c r="Y4" s="73"/>
    </row>
    <row r="5" spans="1:37" ht="11.5" customHeight="1">
      <c r="A5" s="55"/>
      <c r="B5" s="9" t="s">
        <v>2</v>
      </c>
      <c r="C5" s="10" t="s">
        <v>3</v>
      </c>
      <c r="D5" s="10" t="s">
        <v>4</v>
      </c>
      <c r="E5" s="10" t="s">
        <v>5</v>
      </c>
      <c r="F5" s="10" t="s">
        <v>6</v>
      </c>
      <c r="G5" s="11" t="s">
        <v>7</v>
      </c>
      <c r="H5" s="12" t="s">
        <v>8</v>
      </c>
      <c r="I5" s="60"/>
      <c r="J5" s="9" t="s">
        <v>2</v>
      </c>
      <c r="K5" s="10" t="s">
        <v>3</v>
      </c>
      <c r="L5" s="10" t="s">
        <v>4</v>
      </c>
      <c r="M5" s="10" t="s">
        <v>5</v>
      </c>
      <c r="N5" s="11" t="s">
        <v>6</v>
      </c>
      <c r="O5" s="11" t="s">
        <v>7</v>
      </c>
      <c r="P5" s="12" t="s">
        <v>8</v>
      </c>
      <c r="Q5" s="60"/>
      <c r="R5" s="9" t="s">
        <v>2</v>
      </c>
      <c r="S5" s="10" t="s">
        <v>3</v>
      </c>
      <c r="T5" s="10" t="s">
        <v>4</v>
      </c>
      <c r="U5" s="11" t="s">
        <v>5</v>
      </c>
      <c r="V5" s="11" t="s">
        <v>6</v>
      </c>
      <c r="W5" s="11" t="s">
        <v>7</v>
      </c>
      <c r="X5" s="12" t="s">
        <v>8</v>
      </c>
      <c r="Y5" s="60"/>
    </row>
    <row r="6" spans="1:37" s="26" customFormat="1" ht="10.25" customHeight="1">
      <c r="A6" s="56"/>
      <c r="B6" s="40"/>
      <c r="C6" s="109"/>
      <c r="D6" s="132"/>
      <c r="E6" s="30" t="s">
        <v>44</v>
      </c>
      <c r="F6" s="25" t="s">
        <v>45</v>
      </c>
      <c r="G6" s="30" t="s">
        <v>46</v>
      </c>
      <c r="H6" s="31" t="s">
        <v>60</v>
      </c>
      <c r="I6" s="61"/>
      <c r="J6" s="41"/>
      <c r="K6" s="41"/>
      <c r="L6" s="42"/>
      <c r="M6" s="42"/>
      <c r="N6" s="132"/>
      <c r="O6" s="30" t="s">
        <v>44</v>
      </c>
      <c r="P6" s="32" t="s">
        <v>45</v>
      </c>
      <c r="Q6" s="61"/>
      <c r="R6" s="143"/>
      <c r="S6" s="30" t="s">
        <v>44</v>
      </c>
      <c r="T6" s="30" t="s">
        <v>45</v>
      </c>
      <c r="U6" s="30" t="s">
        <v>46</v>
      </c>
      <c r="V6" s="30" t="s">
        <v>60</v>
      </c>
      <c r="W6" s="30" t="s">
        <v>52</v>
      </c>
      <c r="X6" s="31" t="s">
        <v>54</v>
      </c>
      <c r="Y6" s="61"/>
      <c r="AC6" s="27" t="s">
        <v>16</v>
      </c>
      <c r="AD6" s="27"/>
      <c r="AE6" s="27" t="s">
        <v>19</v>
      </c>
      <c r="AF6" s="27"/>
      <c r="AG6" s="27" t="s">
        <v>20</v>
      </c>
    </row>
    <row r="7" spans="1:37" ht="15" customHeight="1">
      <c r="A7" s="55"/>
      <c r="B7" s="43"/>
      <c r="C7" s="110"/>
      <c r="D7" s="133"/>
      <c r="E7" s="101"/>
      <c r="F7" s="101"/>
      <c r="G7" s="101"/>
      <c r="H7" s="14"/>
      <c r="I7" s="105"/>
      <c r="J7" s="49"/>
      <c r="K7" s="43"/>
      <c r="L7" s="104"/>
      <c r="M7" s="104"/>
      <c r="N7" s="133"/>
      <c r="O7" s="101"/>
      <c r="P7" s="14"/>
      <c r="Q7" s="62"/>
      <c r="R7" s="104"/>
      <c r="S7" s="13"/>
      <c r="T7" s="13"/>
      <c r="U7" s="13"/>
      <c r="V7" s="13"/>
      <c r="W7" s="13"/>
      <c r="X7" s="14"/>
      <c r="Y7" s="62"/>
      <c r="AB7" t="s">
        <v>17</v>
      </c>
      <c r="AC7">
        <f>COUNTA(B7:H7)</f>
        <v>0</v>
      </c>
      <c r="AE7">
        <f>COUNTA(J7:P7)</f>
        <v>0</v>
      </c>
      <c r="AG7">
        <f>COUNTA(R7:X7)</f>
        <v>0</v>
      </c>
    </row>
    <row r="8" spans="1:37" s="26" customFormat="1" ht="9.65" customHeight="1">
      <c r="A8" s="56"/>
      <c r="B8" s="29" t="s">
        <v>52</v>
      </c>
      <c r="C8" s="38" t="s">
        <v>54</v>
      </c>
      <c r="D8" s="25" t="s">
        <v>53</v>
      </c>
      <c r="E8" s="30" t="s">
        <v>55</v>
      </c>
      <c r="F8" s="82" t="s">
        <v>41</v>
      </c>
      <c r="G8" s="25" t="s">
        <v>37</v>
      </c>
      <c r="H8" s="31" t="s">
        <v>40</v>
      </c>
      <c r="I8" s="63"/>
      <c r="J8" s="29" t="s">
        <v>46</v>
      </c>
      <c r="K8" s="34" t="s">
        <v>60</v>
      </c>
      <c r="L8" s="34" t="s">
        <v>52</v>
      </c>
      <c r="M8" s="34" t="s">
        <v>54</v>
      </c>
      <c r="N8" s="30" t="s">
        <v>53</v>
      </c>
      <c r="O8" s="30" t="s">
        <v>55</v>
      </c>
      <c r="P8" s="32" t="s">
        <v>41</v>
      </c>
      <c r="Q8" s="63"/>
      <c r="R8" s="29" t="s">
        <v>53</v>
      </c>
      <c r="S8" s="38" t="s">
        <v>55</v>
      </c>
      <c r="T8" s="38" t="s">
        <v>41</v>
      </c>
      <c r="U8" s="38" t="s">
        <v>37</v>
      </c>
      <c r="V8" s="38" t="s">
        <v>40</v>
      </c>
      <c r="W8" s="38" t="s">
        <v>34</v>
      </c>
      <c r="X8" s="32" t="s">
        <v>35</v>
      </c>
      <c r="Y8" s="61"/>
    </row>
    <row r="9" spans="1:37" ht="15" customHeight="1">
      <c r="A9" s="55"/>
      <c r="B9" s="13"/>
      <c r="C9" s="13"/>
      <c r="D9" s="13"/>
      <c r="E9" s="13"/>
      <c r="F9" s="13"/>
      <c r="G9" s="14"/>
      <c r="H9" s="14"/>
      <c r="I9" s="62"/>
      <c r="J9" s="13"/>
      <c r="K9" s="13"/>
      <c r="L9" s="13"/>
      <c r="M9" s="13"/>
      <c r="N9" s="13"/>
      <c r="O9" s="14"/>
      <c r="P9" s="14"/>
      <c r="Q9" s="62"/>
      <c r="R9" s="13"/>
      <c r="S9" s="13"/>
      <c r="T9" s="13"/>
      <c r="U9" s="76"/>
      <c r="V9" s="76"/>
      <c r="W9" s="76"/>
      <c r="X9" s="77"/>
      <c r="Y9" s="62"/>
      <c r="AB9" t="s">
        <v>18</v>
      </c>
      <c r="AC9">
        <f>COUNTA(B9:H9)</f>
        <v>0</v>
      </c>
      <c r="AE9">
        <f>COUNTA(J9:P9)</f>
        <v>0</v>
      </c>
      <c r="AG9">
        <f>COUNTA(R9:X9)</f>
        <v>0</v>
      </c>
    </row>
    <row r="10" spans="1:37" s="26" customFormat="1" ht="9.65" customHeight="1">
      <c r="A10" s="56"/>
      <c r="B10" s="29" t="s">
        <v>34</v>
      </c>
      <c r="C10" s="30" t="s">
        <v>35</v>
      </c>
      <c r="D10" s="30" t="s">
        <v>36</v>
      </c>
      <c r="E10" s="30" t="s">
        <v>43</v>
      </c>
      <c r="F10" s="30" t="s">
        <v>39</v>
      </c>
      <c r="G10" s="30" t="s">
        <v>38</v>
      </c>
      <c r="H10" s="31" t="s">
        <v>61</v>
      </c>
      <c r="I10" s="61"/>
      <c r="J10" s="29" t="s">
        <v>37</v>
      </c>
      <c r="K10" s="30" t="s">
        <v>40</v>
      </c>
      <c r="L10" s="30" t="s">
        <v>34</v>
      </c>
      <c r="M10" s="30" t="s">
        <v>35</v>
      </c>
      <c r="N10" s="30" t="s">
        <v>36</v>
      </c>
      <c r="O10" s="30" t="s">
        <v>43</v>
      </c>
      <c r="P10" s="31" t="s">
        <v>39</v>
      </c>
      <c r="Q10" s="63"/>
      <c r="R10" s="111" t="s">
        <v>36</v>
      </c>
      <c r="S10" s="33" t="s">
        <v>43</v>
      </c>
      <c r="T10" s="33" t="s">
        <v>39</v>
      </c>
      <c r="U10" s="33" t="s">
        <v>38</v>
      </c>
      <c r="V10" s="33" t="s">
        <v>61</v>
      </c>
      <c r="W10" s="33" t="s">
        <v>42</v>
      </c>
      <c r="X10" s="32" t="s">
        <v>47</v>
      </c>
      <c r="Y10" s="61"/>
    </row>
    <row r="11" spans="1:37" ht="15" customHeight="1">
      <c r="A11" s="55"/>
      <c r="B11" s="13"/>
      <c r="C11" s="13"/>
      <c r="D11" s="13"/>
      <c r="E11" s="13"/>
      <c r="F11" s="13"/>
      <c r="G11" s="13"/>
      <c r="H11" s="14"/>
      <c r="I11" s="62"/>
      <c r="J11" s="13"/>
      <c r="K11" s="13"/>
      <c r="L11" s="13"/>
      <c r="M11" s="13"/>
      <c r="N11" s="13"/>
      <c r="O11" s="13"/>
      <c r="P11" s="14"/>
      <c r="Q11" s="62"/>
      <c r="R11" s="85"/>
      <c r="S11" s="85"/>
      <c r="T11" s="89"/>
      <c r="U11" s="85"/>
      <c r="V11" s="85"/>
      <c r="W11" s="85"/>
      <c r="X11" s="90"/>
      <c r="Y11" s="62"/>
      <c r="AB11" t="s">
        <v>24</v>
      </c>
      <c r="AC11">
        <f>COUNTA(B11:H11)</f>
        <v>0</v>
      </c>
      <c r="AE11">
        <f>COUNTA(J11:P11)</f>
        <v>0</v>
      </c>
      <c r="AG11">
        <f>COUNTA(R11:X11)</f>
        <v>0</v>
      </c>
    </row>
    <row r="12" spans="1:37" s="26" customFormat="1" ht="10.25" customHeight="1">
      <c r="A12" s="56"/>
      <c r="B12" s="29" t="s">
        <v>42</v>
      </c>
      <c r="C12" s="33" t="s">
        <v>47</v>
      </c>
      <c r="D12" s="33" t="s">
        <v>50</v>
      </c>
      <c r="E12" s="33" t="s">
        <v>56</v>
      </c>
      <c r="F12" s="33" t="s">
        <v>51</v>
      </c>
      <c r="G12" s="33" t="s">
        <v>64</v>
      </c>
      <c r="H12" s="31" t="s">
        <v>62</v>
      </c>
      <c r="I12" s="61"/>
      <c r="J12" s="29" t="s">
        <v>38</v>
      </c>
      <c r="K12" s="33" t="s">
        <v>61</v>
      </c>
      <c r="L12" s="33" t="s">
        <v>42</v>
      </c>
      <c r="M12" s="33" t="s">
        <v>47</v>
      </c>
      <c r="N12" s="33" t="s">
        <v>50</v>
      </c>
      <c r="O12" s="33" t="s">
        <v>56</v>
      </c>
      <c r="P12" s="31" t="s">
        <v>51</v>
      </c>
      <c r="Q12" s="61"/>
      <c r="R12" s="81" t="s">
        <v>50</v>
      </c>
      <c r="S12" s="82" t="s">
        <v>56</v>
      </c>
      <c r="T12" s="82" t="s">
        <v>51</v>
      </c>
      <c r="U12" s="82" t="s">
        <v>64</v>
      </c>
      <c r="V12" s="82" t="s">
        <v>62</v>
      </c>
      <c r="W12" s="82" t="s">
        <v>63</v>
      </c>
      <c r="X12" s="32" t="s">
        <v>57</v>
      </c>
      <c r="Y12" s="61"/>
    </row>
    <row r="13" spans="1:37" ht="15" customHeight="1">
      <c r="A13" s="55"/>
      <c r="B13" s="13"/>
      <c r="C13" s="85"/>
      <c r="D13" s="85"/>
      <c r="E13" s="85"/>
      <c r="F13" s="85"/>
      <c r="G13" s="85"/>
      <c r="H13" s="15"/>
      <c r="I13" s="62"/>
      <c r="J13" s="13"/>
      <c r="K13" s="85"/>
      <c r="L13" s="85"/>
      <c r="M13" s="85"/>
      <c r="N13" s="85"/>
      <c r="O13" s="85"/>
      <c r="P13" s="85"/>
      <c r="Q13" s="62"/>
      <c r="R13" s="16"/>
      <c r="S13" s="15"/>
      <c r="T13" s="87"/>
      <c r="U13" s="88"/>
      <c r="V13" s="88"/>
      <c r="W13" s="93"/>
      <c r="X13" s="93"/>
      <c r="Y13" s="62"/>
      <c r="AB13" t="s">
        <v>25</v>
      </c>
      <c r="AC13">
        <f>COUNTA(B13:H13)</f>
        <v>0</v>
      </c>
      <c r="AE13">
        <f>COUNTA(J13:P13)</f>
        <v>0</v>
      </c>
      <c r="AG13">
        <f>COUNTA(R13:X13)</f>
        <v>0</v>
      </c>
    </row>
    <row r="14" spans="1:37" s="26" customFormat="1" ht="11.5" customHeight="1">
      <c r="A14" s="56"/>
      <c r="B14" s="81" t="s">
        <v>63</v>
      </c>
      <c r="C14" s="108" t="s">
        <v>57</v>
      </c>
      <c r="D14" s="82" t="s">
        <v>58</v>
      </c>
      <c r="E14" s="106" t="s">
        <v>59</v>
      </c>
      <c r="F14" s="33" t="s">
        <v>48</v>
      </c>
      <c r="G14" s="83"/>
      <c r="H14" s="24"/>
      <c r="I14" s="63"/>
      <c r="J14" s="29" t="s">
        <v>64</v>
      </c>
      <c r="K14" s="30" t="s">
        <v>62</v>
      </c>
      <c r="L14" s="30" t="s">
        <v>63</v>
      </c>
      <c r="M14" s="30" t="s">
        <v>57</v>
      </c>
      <c r="N14" s="30" t="s">
        <v>58</v>
      </c>
      <c r="O14" s="33" t="s">
        <v>59</v>
      </c>
      <c r="P14" s="31" t="s">
        <v>48</v>
      </c>
      <c r="Q14" s="63"/>
      <c r="R14" s="112" t="s">
        <v>58</v>
      </c>
      <c r="S14" s="82" t="s">
        <v>59</v>
      </c>
      <c r="T14" s="82" t="s">
        <v>48</v>
      </c>
      <c r="U14" s="44"/>
      <c r="V14" s="44"/>
      <c r="W14" s="44"/>
      <c r="X14" s="44"/>
      <c r="Y14" s="61"/>
    </row>
    <row r="15" spans="1:37" ht="15" customHeight="1">
      <c r="A15" s="55"/>
      <c r="B15" s="13"/>
      <c r="C15" s="14"/>
      <c r="D15" s="13"/>
      <c r="E15" s="14"/>
      <c r="F15" s="86"/>
      <c r="G15" s="87"/>
      <c r="H15" s="87"/>
      <c r="I15" s="62"/>
      <c r="J15" s="14"/>
      <c r="K15" s="13"/>
      <c r="L15" s="14"/>
      <c r="M15" s="14"/>
      <c r="N15" s="14"/>
      <c r="O15" s="14"/>
      <c r="P15" s="85"/>
      <c r="Q15" s="62"/>
      <c r="R15" s="93"/>
      <c r="S15" s="15"/>
      <c r="T15" s="15"/>
      <c r="U15" s="47"/>
      <c r="V15" s="47"/>
      <c r="W15" s="46"/>
      <c r="X15" s="46"/>
      <c r="Y15" s="62"/>
      <c r="AB15" t="s">
        <v>26</v>
      </c>
      <c r="AC15">
        <f>COUNTA(B15:H15)</f>
        <v>0</v>
      </c>
      <c r="AE15">
        <f>COUNTA(J15:P15)</f>
        <v>0</v>
      </c>
      <c r="AG15">
        <f>COUNTA(R15:X15)</f>
        <v>0</v>
      </c>
    </row>
    <row r="16" spans="1:37" s="26" customFormat="1" ht="11.5" customHeight="1">
      <c r="A16" s="56"/>
      <c r="B16" s="134"/>
      <c r="C16" s="135"/>
      <c r="D16" s="135"/>
      <c r="E16" s="136"/>
      <c r="F16" s="135"/>
      <c r="G16" s="135"/>
      <c r="H16" s="137"/>
      <c r="I16" s="63"/>
      <c r="J16" s="29" t="s">
        <v>65</v>
      </c>
      <c r="K16" s="132"/>
      <c r="L16" s="135"/>
      <c r="M16" s="135"/>
      <c r="N16" s="135"/>
      <c r="O16" s="135"/>
      <c r="P16" s="139"/>
      <c r="Q16" s="63"/>
      <c r="R16" s="136"/>
      <c r="S16" s="135"/>
      <c r="T16" s="44"/>
      <c r="U16" s="44"/>
      <c r="V16" s="44"/>
      <c r="W16" s="44"/>
      <c r="X16" s="44"/>
      <c r="Y16" s="61"/>
    </row>
    <row r="17" spans="1:34" ht="15" customHeight="1">
      <c r="A17" s="55"/>
      <c r="B17" s="49"/>
      <c r="C17" s="49"/>
      <c r="D17" s="49"/>
      <c r="E17" s="49"/>
      <c r="F17" s="138"/>
      <c r="G17" s="138"/>
      <c r="H17" s="138"/>
      <c r="I17" s="62"/>
      <c r="J17" s="14"/>
      <c r="K17" s="140"/>
      <c r="L17" s="49"/>
      <c r="M17" s="49"/>
      <c r="N17" s="49"/>
      <c r="O17" s="49"/>
      <c r="P17" s="138"/>
      <c r="Q17" s="62"/>
      <c r="R17" s="142"/>
      <c r="S17" s="49"/>
      <c r="T17" s="47"/>
      <c r="U17" s="47"/>
      <c r="V17" s="47"/>
      <c r="W17" s="46"/>
      <c r="X17" s="46"/>
      <c r="Y17" s="62"/>
      <c r="AB17" t="s">
        <v>27</v>
      </c>
      <c r="AC17">
        <f>COUNTA(B17:H17)</f>
        <v>0</v>
      </c>
      <c r="AE17">
        <f>COUNTA(J17:P17)</f>
        <v>0</v>
      </c>
      <c r="AG17">
        <f>COUNTA(R17:X17)</f>
        <v>0</v>
      </c>
    </row>
    <row r="18" spans="1:34" ht="11" customHeight="1">
      <c r="A18" s="55"/>
      <c r="B18" s="46"/>
      <c r="C18" s="50"/>
      <c r="D18" s="46"/>
      <c r="E18" s="50"/>
      <c r="F18" s="50"/>
      <c r="G18" s="50"/>
      <c r="H18" s="50"/>
      <c r="I18" s="62"/>
      <c r="J18" s="62"/>
      <c r="K18" s="62"/>
      <c r="L18" s="49"/>
      <c r="M18" s="46"/>
      <c r="N18" s="46"/>
      <c r="O18" s="46"/>
      <c r="P18" s="46"/>
      <c r="Q18" s="62"/>
      <c r="R18" s="46"/>
      <c r="S18" s="46"/>
      <c r="T18" s="46"/>
      <c r="U18" s="46"/>
      <c r="V18" s="46"/>
      <c r="W18" s="46"/>
      <c r="X18" s="46"/>
      <c r="Y18" s="62"/>
      <c r="AB18" s="26"/>
    </row>
    <row r="19" spans="1:34" ht="15" customHeight="1">
      <c r="A19" s="55"/>
      <c r="B19" s="49"/>
      <c r="C19" s="51"/>
      <c r="D19" s="49"/>
      <c r="E19" s="51"/>
      <c r="F19" s="51"/>
      <c r="G19" s="51"/>
      <c r="H19" s="49"/>
      <c r="I19" s="62"/>
      <c r="J19" s="62"/>
      <c r="K19" s="62"/>
      <c r="L19" s="49"/>
      <c r="M19" s="46"/>
      <c r="N19" s="46"/>
      <c r="O19" s="46"/>
      <c r="P19" s="46"/>
      <c r="Q19" s="62"/>
      <c r="R19" s="46"/>
      <c r="S19" s="46"/>
      <c r="T19" s="46"/>
      <c r="U19" s="46"/>
      <c r="V19" s="46"/>
      <c r="W19" s="46"/>
      <c r="X19" s="46"/>
      <c r="Y19" s="62"/>
      <c r="AD19" s="23"/>
      <c r="AF19" s="23"/>
      <c r="AH19" s="23"/>
    </row>
    <row r="20" spans="1:34" ht="6.65" customHeight="1">
      <c r="A20" s="55"/>
      <c r="B20" s="71"/>
      <c r="C20" s="70"/>
      <c r="D20" s="70"/>
      <c r="E20" s="70"/>
      <c r="F20" s="70"/>
      <c r="G20" s="70"/>
      <c r="H20" s="72"/>
      <c r="I20" s="64"/>
      <c r="J20" s="71"/>
      <c r="K20" s="70"/>
      <c r="L20" s="70"/>
      <c r="M20" s="70"/>
      <c r="N20" s="70"/>
      <c r="O20" s="70"/>
      <c r="P20" s="72"/>
      <c r="Q20" s="64"/>
      <c r="R20" s="71"/>
      <c r="S20" s="70"/>
      <c r="T20" s="70"/>
      <c r="U20" s="70"/>
      <c r="V20" s="70"/>
      <c r="W20" s="70"/>
      <c r="X20" s="72"/>
      <c r="Y20" s="64"/>
    </row>
    <row r="21" spans="1:34" ht="15" customHeight="1">
      <c r="A21" s="55"/>
      <c r="B21" s="126">
        <v>46204</v>
      </c>
      <c r="C21" s="127"/>
      <c r="D21" s="128"/>
      <c r="E21" s="3"/>
      <c r="F21" s="3"/>
      <c r="G21" s="35" t="s">
        <v>1</v>
      </c>
      <c r="H21" s="8">
        <f>SUM(AC24:AC34)</f>
        <v>0</v>
      </c>
      <c r="I21" s="65"/>
      <c r="J21" s="126">
        <v>46235</v>
      </c>
      <c r="K21" s="127"/>
      <c r="L21" s="128"/>
      <c r="M21" s="3"/>
      <c r="N21" s="3"/>
      <c r="O21" s="35" t="s">
        <v>1</v>
      </c>
      <c r="P21" s="8">
        <f>SUM(AE24:AE34)</f>
        <v>0</v>
      </c>
      <c r="Q21" s="65"/>
      <c r="R21" s="126">
        <v>46266</v>
      </c>
      <c r="S21" s="127"/>
      <c r="T21" s="128"/>
      <c r="U21" s="3"/>
      <c r="V21" s="3"/>
      <c r="W21" s="35" t="s">
        <v>1</v>
      </c>
      <c r="X21" s="8">
        <f>SUM(AG24:AG34)</f>
        <v>0</v>
      </c>
      <c r="Y21" s="65"/>
    </row>
    <row r="22" spans="1:34" ht="10.25" customHeight="1">
      <c r="A22" s="55"/>
      <c r="B22" s="9" t="s">
        <v>2</v>
      </c>
      <c r="C22" s="10" t="s">
        <v>3</v>
      </c>
      <c r="D22" s="10" t="s">
        <v>4</v>
      </c>
      <c r="E22" s="10" t="s">
        <v>5</v>
      </c>
      <c r="F22" s="10" t="s">
        <v>6</v>
      </c>
      <c r="G22" s="11" t="s">
        <v>7</v>
      </c>
      <c r="H22" s="12" t="s">
        <v>8</v>
      </c>
      <c r="I22" s="60"/>
      <c r="J22" s="9" t="s">
        <v>2</v>
      </c>
      <c r="K22" s="10" t="s">
        <v>3</v>
      </c>
      <c r="L22" s="10" t="s">
        <v>4</v>
      </c>
      <c r="M22" s="10" t="s">
        <v>5</v>
      </c>
      <c r="N22" s="10" t="s">
        <v>6</v>
      </c>
      <c r="O22" s="11" t="s">
        <v>7</v>
      </c>
      <c r="P22" s="12" t="s">
        <v>8</v>
      </c>
      <c r="Q22" s="60"/>
      <c r="R22" s="9" t="s">
        <v>2</v>
      </c>
      <c r="S22" s="10" t="s">
        <v>3</v>
      </c>
      <c r="T22" s="10" t="s">
        <v>4</v>
      </c>
      <c r="U22" s="10" t="s">
        <v>5</v>
      </c>
      <c r="V22" s="10" t="s">
        <v>6</v>
      </c>
      <c r="W22" s="11" t="s">
        <v>7</v>
      </c>
      <c r="X22" s="12" t="s">
        <v>8</v>
      </c>
      <c r="Y22" s="60"/>
    </row>
    <row r="23" spans="1:34" ht="11" customHeight="1">
      <c r="A23" s="55"/>
      <c r="B23" s="40"/>
      <c r="C23" s="40"/>
      <c r="D23" s="144"/>
      <c r="E23" s="38" t="s">
        <v>44</v>
      </c>
      <c r="F23" s="38" t="s">
        <v>45</v>
      </c>
      <c r="G23" s="38" t="s">
        <v>46</v>
      </c>
      <c r="H23" s="31" t="s">
        <v>60</v>
      </c>
      <c r="I23" s="65"/>
      <c r="J23" s="65"/>
      <c r="K23" s="65"/>
      <c r="L23" s="65"/>
      <c r="M23" s="65"/>
      <c r="N23" s="65"/>
      <c r="O23" s="141"/>
      <c r="P23" s="31" t="s">
        <v>44</v>
      </c>
      <c r="Q23" s="61"/>
      <c r="R23" s="65"/>
      <c r="S23" s="144"/>
      <c r="T23" s="114" t="s">
        <v>44</v>
      </c>
      <c r="U23" s="114" t="s">
        <v>45</v>
      </c>
      <c r="V23" s="114" t="s">
        <v>46</v>
      </c>
      <c r="W23" s="114" t="s">
        <v>60</v>
      </c>
      <c r="X23" s="32" t="s">
        <v>52</v>
      </c>
      <c r="Y23" s="74"/>
      <c r="Z23" s="95"/>
      <c r="AC23" s="28" t="s">
        <v>21</v>
      </c>
      <c r="AD23" s="28"/>
      <c r="AE23" s="28" t="s">
        <v>22</v>
      </c>
      <c r="AF23" s="28"/>
      <c r="AG23" s="28" t="s">
        <v>23</v>
      </c>
    </row>
    <row r="24" spans="1:34" ht="17" customHeight="1">
      <c r="A24" s="55"/>
      <c r="B24" s="43"/>
      <c r="C24" s="43"/>
      <c r="D24" s="104"/>
      <c r="E24" s="13"/>
      <c r="F24" s="13"/>
      <c r="G24" s="13"/>
      <c r="H24" s="14"/>
      <c r="I24" s="60"/>
      <c r="J24" s="60"/>
      <c r="K24" s="60"/>
      <c r="L24" s="60"/>
      <c r="M24" s="60"/>
      <c r="N24" s="60"/>
      <c r="O24" s="104"/>
      <c r="P24" s="37"/>
      <c r="Q24" s="61"/>
      <c r="R24" s="60"/>
      <c r="S24" s="104"/>
      <c r="T24" s="13"/>
      <c r="U24" s="13"/>
      <c r="V24" s="13"/>
      <c r="W24" s="13"/>
      <c r="X24" s="37"/>
      <c r="Y24" s="62"/>
      <c r="Z24" s="96"/>
      <c r="AB24" t="s">
        <v>17</v>
      </c>
      <c r="AC24">
        <f>COUNTA(B24:H24)</f>
        <v>0</v>
      </c>
      <c r="AE24">
        <f>COUNTA(J24:P24)</f>
        <v>0</v>
      </c>
      <c r="AG24">
        <f>COUNTA(R24:X24)</f>
        <v>0</v>
      </c>
    </row>
    <row r="25" spans="1:34" ht="12.65" customHeight="1">
      <c r="A25" s="55"/>
      <c r="B25" s="29" t="s">
        <v>52</v>
      </c>
      <c r="C25" s="38" t="s">
        <v>54</v>
      </c>
      <c r="D25" s="38" t="s">
        <v>53</v>
      </c>
      <c r="E25" s="38" t="s">
        <v>55</v>
      </c>
      <c r="F25" s="38" t="s">
        <v>41</v>
      </c>
      <c r="G25" s="38" t="s">
        <v>37</v>
      </c>
      <c r="H25" s="31" t="s">
        <v>40</v>
      </c>
      <c r="I25" s="61"/>
      <c r="J25" s="29" t="s">
        <v>45</v>
      </c>
      <c r="K25" s="30" t="s">
        <v>46</v>
      </c>
      <c r="L25" s="30" t="s">
        <v>60</v>
      </c>
      <c r="M25" s="30" t="s">
        <v>52</v>
      </c>
      <c r="N25" s="30" t="s">
        <v>54</v>
      </c>
      <c r="O25" s="30" t="s">
        <v>53</v>
      </c>
      <c r="P25" s="32" t="s">
        <v>55</v>
      </c>
      <c r="Q25" s="61"/>
      <c r="R25" s="29" t="s">
        <v>54</v>
      </c>
      <c r="S25" s="36" t="s">
        <v>53</v>
      </c>
      <c r="T25" s="36" t="s">
        <v>55</v>
      </c>
      <c r="U25" s="36" t="s">
        <v>41</v>
      </c>
      <c r="V25" s="36" t="s">
        <v>37</v>
      </c>
      <c r="W25" s="36" t="s">
        <v>40</v>
      </c>
      <c r="X25" s="115" t="s">
        <v>34</v>
      </c>
      <c r="Y25" s="74"/>
      <c r="Z25" s="97"/>
      <c r="AB25" s="26"/>
      <c r="AC25" s="26"/>
      <c r="AD25" s="26"/>
      <c r="AE25" s="26"/>
      <c r="AF25" s="26"/>
      <c r="AG25" s="26"/>
    </row>
    <row r="26" spans="1:34" ht="17" customHeight="1">
      <c r="A26" s="55"/>
      <c r="B26" s="13"/>
      <c r="C26" s="13"/>
      <c r="D26" s="13"/>
      <c r="E26" s="13"/>
      <c r="F26" s="13"/>
      <c r="G26" s="14"/>
      <c r="H26" s="14"/>
      <c r="I26" s="62"/>
      <c r="J26" s="13"/>
      <c r="K26" s="13"/>
      <c r="L26" s="13"/>
      <c r="M26" s="13"/>
      <c r="N26" s="76"/>
      <c r="O26" s="76"/>
      <c r="P26" s="77"/>
      <c r="Q26" s="62"/>
      <c r="R26" s="13"/>
      <c r="S26" s="16"/>
      <c r="T26" s="16"/>
      <c r="U26" s="79"/>
      <c r="V26" s="79"/>
      <c r="W26" s="79"/>
      <c r="X26" s="80"/>
      <c r="Y26" s="62"/>
      <c r="Z26" s="96"/>
      <c r="AB26" t="s">
        <v>18</v>
      </c>
      <c r="AC26">
        <f>COUNTA(B26:H26)</f>
        <v>0</v>
      </c>
      <c r="AE26">
        <f>COUNTA(J26:P26)</f>
        <v>0</v>
      </c>
      <c r="AG26">
        <f>COUNTA(R26:X26)</f>
        <v>0</v>
      </c>
    </row>
    <row r="27" spans="1:34" ht="11" customHeight="1">
      <c r="A27" s="55"/>
      <c r="B27" s="29" t="s">
        <v>34</v>
      </c>
      <c r="C27" s="30" t="s">
        <v>35</v>
      </c>
      <c r="D27" s="30" t="s">
        <v>36</v>
      </c>
      <c r="E27" s="30" t="s">
        <v>43</v>
      </c>
      <c r="F27" s="30" t="s">
        <v>39</v>
      </c>
      <c r="G27" s="30" t="s">
        <v>38</v>
      </c>
      <c r="H27" s="31" t="s">
        <v>61</v>
      </c>
      <c r="I27" s="61"/>
      <c r="J27" s="29" t="s">
        <v>41</v>
      </c>
      <c r="K27" s="30" t="s">
        <v>37</v>
      </c>
      <c r="L27" s="34" t="s">
        <v>40</v>
      </c>
      <c r="M27" s="30" t="s">
        <v>34</v>
      </c>
      <c r="N27" s="30" t="s">
        <v>35</v>
      </c>
      <c r="O27" s="30" t="s">
        <v>36</v>
      </c>
      <c r="P27" s="31" t="s">
        <v>43</v>
      </c>
      <c r="Q27" s="113"/>
      <c r="R27" s="29" t="s">
        <v>35</v>
      </c>
      <c r="S27" s="36" t="s">
        <v>36</v>
      </c>
      <c r="T27" s="36" t="s">
        <v>43</v>
      </c>
      <c r="U27" s="36" t="s">
        <v>39</v>
      </c>
      <c r="V27" s="36" t="s">
        <v>38</v>
      </c>
      <c r="W27" s="36" t="s">
        <v>61</v>
      </c>
      <c r="X27" s="115" t="s">
        <v>42</v>
      </c>
      <c r="Y27" s="74"/>
      <c r="Z27" s="97"/>
      <c r="AB27" s="26"/>
      <c r="AC27" s="26"/>
      <c r="AD27" s="26"/>
      <c r="AE27" s="26"/>
      <c r="AF27" s="26"/>
      <c r="AG27" s="26"/>
    </row>
    <row r="28" spans="1:34" ht="17" customHeight="1">
      <c r="A28" s="55"/>
      <c r="B28" s="13"/>
      <c r="C28" s="13"/>
      <c r="D28" s="13"/>
      <c r="E28" s="76"/>
      <c r="F28" s="76"/>
      <c r="G28" s="76"/>
      <c r="H28" s="77"/>
      <c r="I28" s="62"/>
      <c r="J28" s="13"/>
      <c r="K28" s="13"/>
      <c r="L28" s="13"/>
      <c r="M28" s="14"/>
      <c r="N28" s="13"/>
      <c r="O28" s="14"/>
      <c r="P28" s="77"/>
      <c r="Q28" s="62"/>
      <c r="R28" s="13"/>
      <c r="S28" s="16"/>
      <c r="T28" s="84"/>
      <c r="U28" s="15"/>
      <c r="V28" s="16"/>
      <c r="W28" s="16"/>
      <c r="X28" s="52"/>
      <c r="Y28" s="62"/>
      <c r="Z28" s="96"/>
      <c r="AB28" t="s">
        <v>24</v>
      </c>
      <c r="AC28">
        <f>COUNTA(B28:H28)</f>
        <v>0</v>
      </c>
      <c r="AE28">
        <f>COUNTA(J28:P28)</f>
        <v>0</v>
      </c>
      <c r="AG28">
        <f>COUNTA(R28:X28)</f>
        <v>0</v>
      </c>
    </row>
    <row r="29" spans="1:34" ht="13.25" customHeight="1">
      <c r="A29" s="55"/>
      <c r="B29" s="29" t="s">
        <v>42</v>
      </c>
      <c r="C29" s="112" t="s">
        <v>47</v>
      </c>
      <c r="D29" s="33" t="s">
        <v>50</v>
      </c>
      <c r="E29" s="33" t="s">
        <v>56</v>
      </c>
      <c r="F29" s="33" t="s">
        <v>51</v>
      </c>
      <c r="G29" s="33" t="s">
        <v>64</v>
      </c>
      <c r="H29" s="31" t="s">
        <v>62</v>
      </c>
      <c r="I29" s="66"/>
      <c r="J29" s="106" t="s">
        <v>39</v>
      </c>
      <c r="K29" s="82" t="s">
        <v>38</v>
      </c>
      <c r="L29" s="82" t="s">
        <v>61</v>
      </c>
      <c r="M29" s="82" t="s">
        <v>42</v>
      </c>
      <c r="N29" s="82" t="s">
        <v>47</v>
      </c>
      <c r="O29" s="82" t="s">
        <v>50</v>
      </c>
      <c r="P29" s="31" t="s">
        <v>56</v>
      </c>
      <c r="Q29" s="66"/>
      <c r="R29" s="81" t="s">
        <v>47</v>
      </c>
      <c r="S29" s="116" t="s">
        <v>50</v>
      </c>
      <c r="T29" s="145" t="s">
        <v>56</v>
      </c>
      <c r="U29" s="145" t="s">
        <v>51</v>
      </c>
      <c r="V29" s="117" t="s">
        <v>64</v>
      </c>
      <c r="W29" s="117" t="s">
        <v>62</v>
      </c>
      <c r="X29" s="115" t="s">
        <v>63</v>
      </c>
      <c r="Y29" s="74"/>
      <c r="Z29" s="95"/>
      <c r="AB29" s="26"/>
      <c r="AC29" s="26"/>
      <c r="AD29" s="26"/>
      <c r="AE29" s="26"/>
      <c r="AF29" s="26"/>
      <c r="AG29" s="26"/>
    </row>
    <row r="30" spans="1:34" ht="17" customHeight="1">
      <c r="A30" s="55"/>
      <c r="B30" s="13"/>
      <c r="C30" s="85"/>
      <c r="D30" s="89"/>
      <c r="E30" s="85"/>
      <c r="F30" s="85"/>
      <c r="G30" s="85"/>
      <c r="H30" s="15"/>
      <c r="I30" s="62"/>
      <c r="J30" s="13"/>
      <c r="K30" s="13"/>
      <c r="L30" s="14"/>
      <c r="M30" s="78"/>
      <c r="N30" s="13"/>
      <c r="O30" s="13"/>
      <c r="P30" s="14"/>
      <c r="Q30" s="62"/>
      <c r="R30" s="13"/>
      <c r="S30" s="39"/>
      <c r="T30" s="16"/>
      <c r="U30" s="16"/>
      <c r="V30" s="16"/>
      <c r="W30" s="16"/>
      <c r="X30" s="52"/>
      <c r="Y30" s="62"/>
      <c r="Z30" s="98"/>
      <c r="AB30" t="s">
        <v>25</v>
      </c>
      <c r="AC30">
        <f>COUNTA(B30:H30)</f>
        <v>0</v>
      </c>
      <c r="AE30">
        <f>COUNTA(J30:P30)</f>
        <v>0</v>
      </c>
      <c r="AG30">
        <f>COUNTA(R30:X30)</f>
        <v>0</v>
      </c>
    </row>
    <row r="31" spans="1:34" ht="14" customHeight="1">
      <c r="A31" s="55"/>
      <c r="B31" s="81" t="s">
        <v>63</v>
      </c>
      <c r="C31" s="82" t="s">
        <v>57</v>
      </c>
      <c r="D31" s="82" t="s">
        <v>58</v>
      </c>
      <c r="E31" s="82" t="s">
        <v>59</v>
      </c>
      <c r="F31" s="82" t="s">
        <v>48</v>
      </c>
      <c r="G31" s="82" t="s">
        <v>65</v>
      </c>
      <c r="H31" s="61"/>
      <c r="I31" s="61"/>
      <c r="J31" s="81" t="s">
        <v>51</v>
      </c>
      <c r="K31" s="108" t="s">
        <v>64</v>
      </c>
      <c r="L31" s="108" t="s">
        <v>62</v>
      </c>
      <c r="M31" s="108" t="s">
        <v>63</v>
      </c>
      <c r="N31" s="108" t="s">
        <v>57</v>
      </c>
      <c r="O31" s="108" t="s">
        <v>58</v>
      </c>
      <c r="P31" s="31" t="s">
        <v>59</v>
      </c>
      <c r="Q31" s="61"/>
      <c r="R31" s="118" t="s">
        <v>57</v>
      </c>
      <c r="S31" s="107" t="s">
        <v>58</v>
      </c>
      <c r="T31" s="107" t="s">
        <v>59</v>
      </c>
      <c r="U31" s="107" t="s">
        <v>48</v>
      </c>
      <c r="V31" s="61"/>
      <c r="W31" s="61"/>
      <c r="X31" s="61"/>
      <c r="Y31" s="74"/>
      <c r="Z31" s="95"/>
      <c r="AB31" s="26"/>
      <c r="AC31" s="26"/>
      <c r="AD31" s="26"/>
      <c r="AE31" s="26"/>
      <c r="AF31" s="26"/>
      <c r="AG31" s="26"/>
    </row>
    <row r="32" spans="1:34" ht="17" customHeight="1">
      <c r="A32" s="55"/>
      <c r="B32" s="13"/>
      <c r="C32" s="14"/>
      <c r="D32" s="92"/>
      <c r="E32" s="91"/>
      <c r="F32" s="91"/>
      <c r="G32" s="91"/>
      <c r="H32" s="62"/>
      <c r="I32" s="62"/>
      <c r="J32" s="14"/>
      <c r="K32" s="14"/>
      <c r="L32" s="14"/>
      <c r="M32" s="14"/>
      <c r="N32" s="14"/>
      <c r="O32" s="14"/>
      <c r="P32" s="14"/>
      <c r="Q32" s="62"/>
      <c r="R32" s="15"/>
      <c r="S32" s="14"/>
      <c r="T32" s="14"/>
      <c r="U32" s="14"/>
      <c r="V32" s="62"/>
      <c r="W32" s="62"/>
      <c r="X32" s="62"/>
      <c r="Y32" s="62"/>
      <c r="Z32" s="99"/>
      <c r="AB32" t="s">
        <v>26</v>
      </c>
      <c r="AC32">
        <f>COUNTA(B32:H32)</f>
        <v>0</v>
      </c>
      <c r="AE32">
        <f>COUNTA(J32:P32)</f>
        <v>0</v>
      </c>
      <c r="AG32">
        <f>COUNTA(R32:X32)</f>
        <v>0</v>
      </c>
    </row>
    <row r="33" spans="1:34" ht="11" customHeight="1">
      <c r="A33" s="55"/>
      <c r="B33" s="61"/>
      <c r="C33" s="61"/>
      <c r="D33" s="61"/>
      <c r="E33" s="61"/>
      <c r="F33" s="61"/>
      <c r="G33" s="61"/>
      <c r="H33" s="61"/>
      <c r="I33" s="61"/>
      <c r="J33" s="81" t="s">
        <v>48</v>
      </c>
      <c r="K33" s="82" t="s">
        <v>65</v>
      </c>
      <c r="L33" s="44"/>
      <c r="M33" s="44"/>
      <c r="N33" s="44"/>
      <c r="O33" s="44"/>
      <c r="P33" s="44"/>
      <c r="Q33" s="61"/>
      <c r="R33" s="44"/>
      <c r="S33" s="44"/>
      <c r="T33" s="44"/>
      <c r="U33" s="44"/>
      <c r="V33" s="44"/>
      <c r="W33" s="44"/>
      <c r="X33" s="44"/>
      <c r="Y33" s="74"/>
      <c r="AB33" s="26"/>
    </row>
    <row r="34" spans="1:34" ht="17" customHeight="1">
      <c r="A34" s="55"/>
      <c r="B34" s="62"/>
      <c r="C34" s="62"/>
      <c r="D34" s="62"/>
      <c r="E34" s="62"/>
      <c r="F34" s="62"/>
      <c r="G34" s="62"/>
      <c r="H34" s="62"/>
      <c r="I34" s="62"/>
      <c r="J34" s="14"/>
      <c r="K34" s="14"/>
      <c r="L34" s="45"/>
      <c r="M34" s="46"/>
      <c r="N34" s="46"/>
      <c r="O34" s="46"/>
      <c r="P34" s="46"/>
      <c r="Q34" s="62"/>
      <c r="R34" s="45"/>
      <c r="S34" s="46"/>
      <c r="T34" s="46"/>
      <c r="U34" s="46"/>
      <c r="V34" s="46"/>
      <c r="W34" s="46"/>
      <c r="X34" s="46"/>
      <c r="Y34" s="62"/>
      <c r="AB34" t="s">
        <v>27</v>
      </c>
      <c r="AC34">
        <f>COUNTA(B34:H34)</f>
        <v>0</v>
      </c>
      <c r="AD34" s="23"/>
      <c r="AE34">
        <f>COUNTA(J34:P34)</f>
        <v>0</v>
      </c>
      <c r="AF34" s="23"/>
      <c r="AG34">
        <f>COUNTA(R34:X34)</f>
        <v>0</v>
      </c>
      <c r="AH34" s="23"/>
    </row>
    <row r="35" spans="1:34" ht="5" customHeight="1">
      <c r="A35" s="55"/>
      <c r="B35" s="49"/>
      <c r="C35" s="49"/>
      <c r="D35" s="46"/>
      <c r="E35" s="46"/>
      <c r="F35" s="46"/>
      <c r="G35" s="46"/>
      <c r="H35" s="46"/>
      <c r="I35" s="62"/>
      <c r="J35" s="45"/>
      <c r="K35" s="46"/>
      <c r="L35" s="45"/>
      <c r="M35" s="46"/>
      <c r="N35" s="46"/>
      <c r="O35" s="46"/>
      <c r="P35" s="46"/>
      <c r="Q35" s="62"/>
      <c r="R35" s="46"/>
      <c r="S35" s="46"/>
      <c r="T35" s="46"/>
      <c r="U35" s="46"/>
      <c r="V35" s="46"/>
      <c r="W35" s="46"/>
      <c r="X35" s="46"/>
      <c r="Y35" s="62"/>
    </row>
    <row r="36" spans="1:34" ht="17" customHeight="1">
      <c r="A36" s="55"/>
      <c r="B36" s="129">
        <v>46296</v>
      </c>
      <c r="C36" s="130"/>
      <c r="D36" s="131"/>
      <c r="E36" s="3"/>
      <c r="F36" s="3"/>
      <c r="G36" s="35" t="s">
        <v>1</v>
      </c>
      <c r="H36" s="8">
        <f>SUM(AC39:AC49)</f>
        <v>0</v>
      </c>
      <c r="I36" s="65"/>
      <c r="J36" s="129">
        <v>46327</v>
      </c>
      <c r="K36" s="130"/>
      <c r="L36" s="131"/>
      <c r="M36" s="3"/>
      <c r="N36" s="3"/>
      <c r="O36" s="35" t="s">
        <v>1</v>
      </c>
      <c r="P36" s="8">
        <f>SUM(AE39:AE49)</f>
        <v>0</v>
      </c>
      <c r="Q36" s="65"/>
      <c r="R36" s="129">
        <v>46357</v>
      </c>
      <c r="S36" s="130"/>
      <c r="T36" s="131"/>
      <c r="U36" s="3"/>
      <c r="V36" s="3"/>
      <c r="W36" s="35" t="s">
        <v>1</v>
      </c>
      <c r="X36" s="8">
        <f>SUM(AG39:AG49)</f>
        <v>0</v>
      </c>
      <c r="Y36" s="65"/>
    </row>
    <row r="37" spans="1:34" ht="12.65" customHeight="1">
      <c r="A37" s="55"/>
      <c r="B37" s="9" t="s">
        <v>2</v>
      </c>
      <c r="C37" s="10" t="s">
        <v>3</v>
      </c>
      <c r="D37" s="10" t="s">
        <v>4</v>
      </c>
      <c r="E37" s="10" t="s">
        <v>5</v>
      </c>
      <c r="F37" s="10" t="s">
        <v>6</v>
      </c>
      <c r="G37" s="10" t="s">
        <v>7</v>
      </c>
      <c r="H37" s="12" t="s">
        <v>8</v>
      </c>
      <c r="I37" s="60"/>
      <c r="J37" s="9" t="s">
        <v>2</v>
      </c>
      <c r="K37" s="10" t="s">
        <v>3</v>
      </c>
      <c r="L37" s="10" t="s">
        <v>4</v>
      </c>
      <c r="M37" s="10" t="s">
        <v>5</v>
      </c>
      <c r="N37" s="10" t="s">
        <v>6</v>
      </c>
      <c r="O37" s="10" t="s">
        <v>7</v>
      </c>
      <c r="P37" s="12" t="s">
        <v>8</v>
      </c>
      <c r="Q37" s="60"/>
      <c r="R37" s="9" t="s">
        <v>2</v>
      </c>
      <c r="S37" s="10" t="s">
        <v>3</v>
      </c>
      <c r="T37" s="10" t="s">
        <v>4</v>
      </c>
      <c r="U37" s="10" t="s">
        <v>5</v>
      </c>
      <c r="V37" s="10" t="s">
        <v>6</v>
      </c>
      <c r="W37" s="10" t="s">
        <v>7</v>
      </c>
      <c r="X37" s="12" t="s">
        <v>8</v>
      </c>
      <c r="Y37" s="60"/>
    </row>
    <row r="38" spans="1:34" ht="11.5" customHeight="1">
      <c r="A38" s="55"/>
      <c r="B38" s="44"/>
      <c r="C38" s="44"/>
      <c r="D38" s="44"/>
      <c r="E38" s="141"/>
      <c r="F38" s="33" t="s">
        <v>44</v>
      </c>
      <c r="G38" s="33" t="s">
        <v>45</v>
      </c>
      <c r="H38" s="32" t="s">
        <v>66</v>
      </c>
      <c r="I38" s="61"/>
      <c r="J38" s="147" t="s">
        <v>44</v>
      </c>
      <c r="K38" s="146" t="s">
        <v>45</v>
      </c>
      <c r="L38" s="147" t="s">
        <v>46</v>
      </c>
      <c r="M38" s="146" t="s">
        <v>60</v>
      </c>
      <c r="N38" s="146" t="s">
        <v>52</v>
      </c>
      <c r="O38" s="146" t="s">
        <v>54</v>
      </c>
      <c r="P38" s="31" t="s">
        <v>71</v>
      </c>
      <c r="Q38" s="61"/>
      <c r="R38" s="44"/>
      <c r="S38" s="141"/>
      <c r="T38" s="36" t="s">
        <v>44</v>
      </c>
      <c r="U38" s="36" t="s">
        <v>45</v>
      </c>
      <c r="V38" s="36" t="s">
        <v>46</v>
      </c>
      <c r="W38" s="36" t="s">
        <v>60</v>
      </c>
      <c r="X38" s="32" t="s">
        <v>52</v>
      </c>
      <c r="Y38" s="74"/>
      <c r="AC38" s="28" t="s">
        <v>28</v>
      </c>
      <c r="AD38" s="28"/>
      <c r="AE38" s="28" t="s">
        <v>29</v>
      </c>
      <c r="AF38" s="28"/>
      <c r="AG38" s="28" t="s">
        <v>30</v>
      </c>
    </row>
    <row r="39" spans="1:34" ht="17" customHeight="1">
      <c r="A39" s="55"/>
      <c r="B39" s="94"/>
      <c r="C39" s="46"/>
      <c r="D39" s="46"/>
      <c r="E39" s="104"/>
      <c r="F39" s="14"/>
      <c r="G39" s="14"/>
      <c r="H39" s="14"/>
      <c r="I39" s="62"/>
      <c r="J39" s="39"/>
      <c r="K39" s="39"/>
      <c r="L39" s="39"/>
      <c r="M39" s="39"/>
      <c r="N39" s="39"/>
      <c r="O39" s="39"/>
      <c r="P39" s="14"/>
      <c r="Q39" s="62"/>
      <c r="R39" s="46"/>
      <c r="S39" s="104"/>
      <c r="T39" s="16"/>
      <c r="U39" s="16"/>
      <c r="V39" s="16"/>
      <c r="W39" s="16"/>
      <c r="X39" s="37"/>
      <c r="Y39" s="62"/>
      <c r="AB39" t="s">
        <v>17</v>
      </c>
      <c r="AC39">
        <f>COUNTA(B39:H39)</f>
        <v>0</v>
      </c>
      <c r="AE39">
        <f>COUNTA(J39:P39)</f>
        <v>0</v>
      </c>
      <c r="AG39">
        <f>COUNTA(R39:X39)</f>
        <v>0</v>
      </c>
    </row>
    <row r="40" spans="1:34" ht="13.25" customHeight="1">
      <c r="A40" s="56"/>
      <c r="B40" s="29" t="s">
        <v>10</v>
      </c>
      <c r="C40" s="30" t="s">
        <v>11</v>
      </c>
      <c r="D40" s="30" t="s">
        <v>54</v>
      </c>
      <c r="E40" s="30" t="s">
        <v>53</v>
      </c>
      <c r="F40" s="30" t="s">
        <v>55</v>
      </c>
      <c r="G40" s="30" t="s">
        <v>41</v>
      </c>
      <c r="H40" s="32" t="s">
        <v>37</v>
      </c>
      <c r="I40" s="61"/>
      <c r="J40" s="29" t="s">
        <v>72</v>
      </c>
      <c r="K40" s="82" t="s">
        <v>73</v>
      </c>
      <c r="L40" s="33" t="s">
        <v>37</v>
      </c>
      <c r="M40" s="33" t="s">
        <v>40</v>
      </c>
      <c r="N40" s="33" t="s">
        <v>34</v>
      </c>
      <c r="O40" s="33" t="s">
        <v>35</v>
      </c>
      <c r="P40" s="31" t="s">
        <v>36</v>
      </c>
      <c r="Q40" s="61"/>
      <c r="R40" s="29" t="s">
        <v>54</v>
      </c>
      <c r="S40" s="36" t="s">
        <v>53</v>
      </c>
      <c r="T40" s="36" t="s">
        <v>55</v>
      </c>
      <c r="U40" s="36" t="s">
        <v>41</v>
      </c>
      <c r="V40" s="36" t="s">
        <v>37</v>
      </c>
      <c r="W40" s="36" t="s">
        <v>40</v>
      </c>
      <c r="X40" s="115" t="s">
        <v>34</v>
      </c>
      <c r="Y40" s="74"/>
      <c r="AB40" s="26"/>
      <c r="AC40" s="26"/>
      <c r="AD40" s="26"/>
      <c r="AE40" s="26"/>
      <c r="AF40" s="26"/>
      <c r="AG40" s="26"/>
    </row>
    <row r="41" spans="1:34" ht="17" customHeight="1">
      <c r="A41" s="55"/>
      <c r="B41" s="13"/>
      <c r="C41" s="14"/>
      <c r="D41" s="14"/>
      <c r="E41" s="14"/>
      <c r="F41" s="13"/>
      <c r="G41" s="14"/>
      <c r="H41" s="14"/>
      <c r="I41" s="62"/>
      <c r="J41" s="13"/>
      <c r="K41" s="101"/>
      <c r="L41" s="13"/>
      <c r="M41" s="13"/>
      <c r="N41" s="13"/>
      <c r="O41" s="13"/>
      <c r="P41" s="14"/>
      <c r="Q41" s="62"/>
      <c r="R41" s="13"/>
      <c r="S41" s="16"/>
      <c r="T41" s="16"/>
      <c r="U41" s="79"/>
      <c r="V41" s="79"/>
      <c r="W41" s="79"/>
      <c r="X41" s="80"/>
      <c r="Y41" s="62"/>
      <c r="AB41" t="s">
        <v>18</v>
      </c>
      <c r="AC41">
        <f>COUNTA(B41:H41)</f>
        <v>0</v>
      </c>
      <c r="AE41">
        <f>COUNTA(J41:P41)</f>
        <v>0</v>
      </c>
      <c r="AG41">
        <f>COUNTA(R41:X41)</f>
        <v>0</v>
      </c>
    </row>
    <row r="42" spans="1:34" ht="12" customHeight="1">
      <c r="A42" s="55"/>
      <c r="B42" s="81" t="s">
        <v>40</v>
      </c>
      <c r="C42" s="106" t="s">
        <v>34</v>
      </c>
      <c r="D42" s="82" t="s">
        <v>35</v>
      </c>
      <c r="E42" s="82" t="s">
        <v>36</v>
      </c>
      <c r="F42" s="82" t="s">
        <v>43</v>
      </c>
      <c r="G42" s="82" t="s">
        <v>39</v>
      </c>
      <c r="H42" s="31" t="s">
        <v>38</v>
      </c>
      <c r="I42" s="61"/>
      <c r="J42" s="29" t="s">
        <v>43</v>
      </c>
      <c r="K42" s="30" t="s">
        <v>39</v>
      </c>
      <c r="L42" s="38" t="s">
        <v>38</v>
      </c>
      <c r="M42" s="38" t="s">
        <v>61</v>
      </c>
      <c r="N42" s="38" t="s">
        <v>42</v>
      </c>
      <c r="O42" s="38" t="s">
        <v>47</v>
      </c>
      <c r="P42" s="31" t="s">
        <v>50</v>
      </c>
      <c r="Q42" s="63"/>
      <c r="R42" s="29" t="s">
        <v>35</v>
      </c>
      <c r="S42" s="120" t="s">
        <v>36</v>
      </c>
      <c r="T42" s="120" t="s">
        <v>43</v>
      </c>
      <c r="U42" s="120" t="s">
        <v>39</v>
      </c>
      <c r="V42" s="120" t="s">
        <v>38</v>
      </c>
      <c r="W42" s="120" t="s">
        <v>61</v>
      </c>
      <c r="X42" s="115" t="s">
        <v>42</v>
      </c>
      <c r="Y42" s="74"/>
      <c r="AB42" s="26"/>
      <c r="AC42" s="26"/>
      <c r="AD42" s="26"/>
      <c r="AE42" s="26"/>
      <c r="AF42" s="26"/>
      <c r="AG42" s="26"/>
    </row>
    <row r="43" spans="1:34" ht="17" customHeight="1">
      <c r="A43" s="55"/>
      <c r="B43" s="13"/>
      <c r="C43" s="13"/>
      <c r="D43" s="13"/>
      <c r="E43" s="13"/>
      <c r="F43" s="13"/>
      <c r="G43" s="13"/>
      <c r="H43" s="14"/>
      <c r="I43" s="62"/>
      <c r="J43" s="13"/>
      <c r="K43" s="101"/>
      <c r="L43" s="13"/>
      <c r="M43" s="13"/>
      <c r="N43" s="13"/>
      <c r="O43" s="13"/>
      <c r="P43" s="14"/>
      <c r="Q43" s="62"/>
      <c r="R43" s="13"/>
      <c r="S43" s="16"/>
      <c r="T43" s="84"/>
      <c r="U43" s="15"/>
      <c r="V43" s="16"/>
      <c r="W43" s="16"/>
      <c r="X43" s="52"/>
      <c r="Y43" s="62"/>
      <c r="AB43" t="s">
        <v>24</v>
      </c>
      <c r="AC43">
        <f>COUNTA(B43:H43)</f>
        <v>0</v>
      </c>
      <c r="AE43">
        <f>COUNTA(J43:P43)</f>
        <v>0</v>
      </c>
      <c r="AG43">
        <f>COUNTA(R43:X43)</f>
        <v>0</v>
      </c>
    </row>
    <row r="44" spans="1:34" ht="12" customHeight="1">
      <c r="A44" s="55"/>
      <c r="B44" s="29" t="s">
        <v>61</v>
      </c>
      <c r="C44" s="30" t="s">
        <v>42</v>
      </c>
      <c r="D44" s="30" t="s">
        <v>47</v>
      </c>
      <c r="E44" s="30" t="s">
        <v>50</v>
      </c>
      <c r="F44" s="30" t="s">
        <v>56</v>
      </c>
      <c r="G44" s="30" t="s">
        <v>51</v>
      </c>
      <c r="H44" s="31" t="s">
        <v>13</v>
      </c>
      <c r="I44" s="61"/>
      <c r="J44" s="29" t="s">
        <v>68</v>
      </c>
      <c r="K44" s="34" t="s">
        <v>12</v>
      </c>
      <c r="L44" s="30" t="s">
        <v>64</v>
      </c>
      <c r="M44" s="30" t="s">
        <v>62</v>
      </c>
      <c r="N44" s="30" t="s">
        <v>63</v>
      </c>
      <c r="O44" s="30" t="s">
        <v>57</v>
      </c>
      <c r="P44" s="32" t="s">
        <v>74</v>
      </c>
      <c r="Q44" s="61"/>
      <c r="R44" s="81" t="s">
        <v>47</v>
      </c>
      <c r="S44" s="82" t="s">
        <v>50</v>
      </c>
      <c r="T44" s="82" t="s">
        <v>56</v>
      </c>
      <c r="U44" s="82" t="s">
        <v>51</v>
      </c>
      <c r="V44" s="82" t="s">
        <v>64</v>
      </c>
      <c r="W44" s="82" t="s">
        <v>62</v>
      </c>
      <c r="X44" s="115" t="s">
        <v>63</v>
      </c>
      <c r="Y44" s="74"/>
      <c r="AB44" s="26"/>
      <c r="AC44" s="26"/>
      <c r="AD44" s="26"/>
      <c r="AE44" s="26"/>
      <c r="AF44" s="26"/>
      <c r="AG44" s="26"/>
    </row>
    <row r="45" spans="1:34" ht="17" customHeight="1">
      <c r="A45" s="55"/>
      <c r="B45" s="13"/>
      <c r="C45" s="16"/>
      <c r="D45" s="75"/>
      <c r="E45" s="16"/>
      <c r="F45" s="16"/>
      <c r="G45" s="16"/>
      <c r="H45" s="15"/>
      <c r="I45" s="62"/>
      <c r="J45" s="16"/>
      <c r="K45" s="148"/>
      <c r="L45" s="16"/>
      <c r="M45" s="79"/>
      <c r="N45" s="79"/>
      <c r="O45" s="79"/>
      <c r="P45" s="80"/>
      <c r="Q45" s="62"/>
      <c r="R45" s="13"/>
      <c r="S45" s="39"/>
      <c r="T45" s="16"/>
      <c r="U45" s="16"/>
      <c r="V45" s="16"/>
      <c r="W45" s="16"/>
      <c r="X45" s="15"/>
      <c r="Y45" s="62"/>
      <c r="AB45" t="s">
        <v>25</v>
      </c>
      <c r="AC45">
        <f>COUNTA(B45:H45)</f>
        <v>0</v>
      </c>
      <c r="AE45">
        <f>COUNTA(J45:P45)</f>
        <v>0</v>
      </c>
      <c r="AG45">
        <f>COUNTA(R45:X45)</f>
        <v>0</v>
      </c>
    </row>
    <row r="46" spans="1:34" ht="12" customHeight="1">
      <c r="A46" s="55"/>
      <c r="B46" s="29" t="s">
        <v>14</v>
      </c>
      <c r="C46" s="36" t="s">
        <v>15</v>
      </c>
      <c r="D46" s="36" t="s">
        <v>57</v>
      </c>
      <c r="E46" s="36" t="s">
        <v>58</v>
      </c>
      <c r="F46" s="107" t="s">
        <v>59</v>
      </c>
      <c r="G46" s="107" t="s">
        <v>48</v>
      </c>
      <c r="H46" s="107" t="s">
        <v>65</v>
      </c>
      <c r="I46" s="67"/>
      <c r="J46" s="111" t="s">
        <v>69</v>
      </c>
      <c r="K46" s="107" t="s">
        <v>9</v>
      </c>
      <c r="L46" s="132"/>
      <c r="M46" s="135"/>
      <c r="N46" s="135"/>
      <c r="O46" s="135"/>
      <c r="P46" s="139"/>
      <c r="Q46" s="61"/>
      <c r="R46" s="118" t="s">
        <v>57</v>
      </c>
      <c r="S46" s="107" t="s">
        <v>58</v>
      </c>
      <c r="T46" s="107" t="s">
        <v>59</v>
      </c>
      <c r="U46" s="107" t="s">
        <v>48</v>
      </c>
      <c r="V46" s="107" t="s">
        <v>65</v>
      </c>
      <c r="W46" s="46"/>
      <c r="X46" s="46"/>
      <c r="Y46" s="74"/>
      <c r="AB46" s="26"/>
      <c r="AC46" s="26"/>
      <c r="AD46" s="26"/>
      <c r="AE46" s="26"/>
      <c r="AF46" s="26"/>
      <c r="AG46" s="26"/>
    </row>
    <row r="47" spans="1:34" ht="17" customHeight="1">
      <c r="A47" s="55"/>
      <c r="B47" s="14"/>
      <c r="C47" s="14"/>
      <c r="D47" s="14"/>
      <c r="E47" s="14"/>
      <c r="F47" s="14"/>
      <c r="G47" s="14"/>
      <c r="H47" s="14"/>
      <c r="I47" s="62"/>
      <c r="J47" s="14"/>
      <c r="K47" s="149"/>
      <c r="L47" s="140"/>
      <c r="M47" s="49"/>
      <c r="N47" s="142"/>
      <c r="O47" s="142"/>
      <c r="P47" s="49"/>
      <c r="Q47" s="62"/>
      <c r="R47" s="15"/>
      <c r="S47" s="14"/>
      <c r="T47" s="14"/>
      <c r="U47" s="14"/>
      <c r="V47" s="14"/>
      <c r="W47" s="46"/>
      <c r="X47" s="46"/>
      <c r="Y47" s="62"/>
      <c r="AB47" t="s">
        <v>26</v>
      </c>
      <c r="AC47">
        <f>COUNTA(B47:H47)</f>
        <v>0</v>
      </c>
      <c r="AE47">
        <f>COUNTA(J47:P47)</f>
        <v>0</v>
      </c>
      <c r="AG47">
        <f>COUNTA(R47:X47)</f>
        <v>0</v>
      </c>
    </row>
    <row r="48" spans="1:34" ht="12.65" customHeight="1">
      <c r="A48" s="55"/>
      <c r="B48" s="53"/>
      <c r="C48" s="53"/>
      <c r="D48" s="53"/>
      <c r="E48" s="53"/>
      <c r="F48" s="53"/>
      <c r="G48" s="53"/>
      <c r="H48" s="54"/>
      <c r="I48" s="68"/>
      <c r="J48" s="134"/>
      <c r="K48" s="53"/>
      <c r="L48" s="53"/>
      <c r="M48" s="53"/>
      <c r="N48" s="53"/>
      <c r="O48" s="53"/>
      <c r="P48" s="53"/>
      <c r="Q48" s="68"/>
      <c r="R48" s="44"/>
      <c r="S48" s="44"/>
      <c r="T48" s="44"/>
      <c r="U48" s="44"/>
      <c r="V48" s="44"/>
      <c r="W48" s="44"/>
      <c r="X48" s="44"/>
      <c r="Y48" s="62"/>
      <c r="AB48" s="26"/>
    </row>
    <row r="49" spans="1:33" ht="17" customHeight="1">
      <c r="A49" s="55"/>
      <c r="B49" s="49"/>
      <c r="C49" s="49"/>
      <c r="D49" s="49"/>
      <c r="E49" s="49"/>
      <c r="F49" s="49"/>
      <c r="G49" s="49"/>
      <c r="H49" s="46"/>
      <c r="I49" s="62"/>
      <c r="J49" s="49"/>
      <c r="K49" s="49"/>
      <c r="L49" s="49"/>
      <c r="M49" s="49"/>
      <c r="N49" s="49"/>
      <c r="O49" s="49"/>
      <c r="P49" s="49"/>
      <c r="Q49" s="62"/>
      <c r="R49" s="46"/>
      <c r="S49" s="47"/>
      <c r="T49" s="46"/>
      <c r="U49" s="47"/>
      <c r="V49" s="47"/>
      <c r="W49" s="47"/>
      <c r="X49" s="47"/>
      <c r="Y49" s="62"/>
      <c r="AB49" t="s">
        <v>27</v>
      </c>
      <c r="AC49">
        <f>COUNTA(B49:H49)</f>
        <v>0</v>
      </c>
      <c r="AD49" s="23"/>
      <c r="AE49">
        <f>COUNTA(J49:P49)</f>
        <v>0</v>
      </c>
      <c r="AF49" s="23"/>
      <c r="AG49">
        <f>COUNTA(R49:X49)</f>
        <v>0</v>
      </c>
    </row>
    <row r="50" spans="1:33">
      <c r="A50" s="55"/>
      <c r="B50" s="58"/>
      <c r="C50" s="58"/>
      <c r="D50" s="58"/>
      <c r="E50" s="55"/>
      <c r="F50" s="55"/>
      <c r="G50" s="55"/>
      <c r="H50" s="55"/>
      <c r="I50" s="69"/>
      <c r="J50" s="55"/>
      <c r="K50" s="55"/>
      <c r="L50" s="55"/>
      <c r="M50" s="55"/>
      <c r="N50" s="55"/>
      <c r="O50" s="55"/>
      <c r="P50" s="55"/>
      <c r="Q50" s="69"/>
      <c r="R50" s="55"/>
      <c r="S50" s="55"/>
      <c r="T50" s="55"/>
      <c r="U50" s="55"/>
      <c r="V50" s="55"/>
      <c r="W50" s="55"/>
      <c r="X50" s="55"/>
      <c r="Y50" s="69"/>
    </row>
    <row r="51" spans="1:33" ht="17" customHeight="1">
      <c r="A51" s="55"/>
      <c r="B51" s="126">
        <v>46388</v>
      </c>
      <c r="C51" s="127"/>
      <c r="D51" s="128"/>
      <c r="E51" s="3"/>
      <c r="F51" s="3"/>
      <c r="G51" s="21" t="s">
        <v>1</v>
      </c>
      <c r="H51" s="8">
        <f>SUM(AC54:AC64)</f>
        <v>0</v>
      </c>
      <c r="I51" s="65"/>
      <c r="J51" s="126">
        <v>46419</v>
      </c>
      <c r="K51" s="127"/>
      <c r="L51" s="128"/>
      <c r="M51" s="3"/>
      <c r="N51" s="3"/>
      <c r="O51" s="21" t="s">
        <v>1</v>
      </c>
      <c r="P51" s="8">
        <f>SUM(AE54:AE64)</f>
        <v>0</v>
      </c>
      <c r="Q51" s="65"/>
      <c r="R51" s="126">
        <v>46447</v>
      </c>
      <c r="S51" s="127"/>
      <c r="T51" s="128"/>
      <c r="U51" s="3"/>
      <c r="V51" s="3"/>
      <c r="W51" s="35" t="s">
        <v>1</v>
      </c>
      <c r="X51" s="8">
        <f>SUM(AG54:AG64)</f>
        <v>0</v>
      </c>
      <c r="Y51" s="65"/>
    </row>
    <row r="52" spans="1:33" ht="17" customHeight="1">
      <c r="A52" s="55"/>
      <c r="B52" s="9" t="s">
        <v>2</v>
      </c>
      <c r="C52" s="10" t="s">
        <v>3</v>
      </c>
      <c r="D52" s="10" t="s">
        <v>4</v>
      </c>
      <c r="E52" s="10" t="s">
        <v>5</v>
      </c>
      <c r="F52" s="11" t="s">
        <v>6</v>
      </c>
      <c r="G52" s="11" t="s">
        <v>7</v>
      </c>
      <c r="H52" s="12" t="s">
        <v>8</v>
      </c>
      <c r="I52" s="60"/>
      <c r="J52" s="9" t="s">
        <v>2</v>
      </c>
      <c r="K52" s="10" t="s">
        <v>3</v>
      </c>
      <c r="L52" s="10" t="s">
        <v>4</v>
      </c>
      <c r="M52" s="11" t="s">
        <v>5</v>
      </c>
      <c r="N52" s="11" t="s">
        <v>6</v>
      </c>
      <c r="O52" s="11" t="s">
        <v>7</v>
      </c>
      <c r="P52" s="12" t="s">
        <v>8</v>
      </c>
      <c r="Q52" s="60"/>
      <c r="R52" s="9" t="s">
        <v>2</v>
      </c>
      <c r="S52" s="10" t="s">
        <v>3</v>
      </c>
      <c r="T52" s="10" t="s">
        <v>4</v>
      </c>
      <c r="U52" s="11" t="s">
        <v>5</v>
      </c>
      <c r="V52" s="11" t="s">
        <v>6</v>
      </c>
      <c r="W52" s="11" t="s">
        <v>7</v>
      </c>
      <c r="X52" s="12" t="s">
        <v>8</v>
      </c>
      <c r="Y52" s="60"/>
    </row>
    <row r="53" spans="1:33" ht="12.65" customHeight="1">
      <c r="A53" s="57"/>
      <c r="B53" s="44"/>
      <c r="C53" s="44"/>
      <c r="D53" s="44"/>
      <c r="E53" s="44"/>
      <c r="F53" s="150"/>
      <c r="G53" s="112" t="s">
        <v>44</v>
      </c>
      <c r="H53" s="32" t="s">
        <v>45</v>
      </c>
      <c r="I53" s="61"/>
      <c r="J53" s="143"/>
      <c r="K53" s="30" t="s">
        <v>44</v>
      </c>
      <c r="L53" s="30" t="s">
        <v>45</v>
      </c>
      <c r="M53" s="30" t="s">
        <v>46</v>
      </c>
      <c r="N53" s="30" t="s">
        <v>60</v>
      </c>
      <c r="O53" s="30" t="s">
        <v>52</v>
      </c>
      <c r="P53" s="31" t="s">
        <v>54</v>
      </c>
      <c r="Q53" s="61"/>
      <c r="R53" s="143"/>
      <c r="S53" s="36" t="s">
        <v>44</v>
      </c>
      <c r="T53" s="36" t="s">
        <v>45</v>
      </c>
      <c r="U53" s="36" t="s">
        <v>46</v>
      </c>
      <c r="V53" s="36" t="s">
        <v>60</v>
      </c>
      <c r="W53" s="36" t="s">
        <v>52</v>
      </c>
      <c r="X53" s="115" t="s">
        <v>54</v>
      </c>
      <c r="Y53" s="74"/>
      <c r="AC53" s="28" t="s">
        <v>31</v>
      </c>
      <c r="AD53" s="28"/>
      <c r="AE53" s="28" t="s">
        <v>32</v>
      </c>
      <c r="AF53" s="28"/>
      <c r="AG53" s="28" t="s">
        <v>33</v>
      </c>
    </row>
    <row r="54" spans="1:33" ht="17" customHeight="1">
      <c r="A54" s="58"/>
      <c r="B54" s="46"/>
      <c r="C54" s="94"/>
      <c r="D54" s="46"/>
      <c r="E54" s="46"/>
      <c r="F54" s="104"/>
      <c r="G54" s="13"/>
      <c r="H54" s="14"/>
      <c r="I54" s="62"/>
      <c r="J54" s="104"/>
      <c r="K54" s="13"/>
      <c r="L54" s="13"/>
      <c r="M54" s="13"/>
      <c r="N54" s="13"/>
      <c r="O54" s="13"/>
      <c r="P54" s="14"/>
      <c r="Q54" s="62"/>
      <c r="R54" s="104"/>
      <c r="S54" s="16"/>
      <c r="T54" s="16"/>
      <c r="U54" s="79"/>
      <c r="V54" s="79"/>
      <c r="W54" s="79"/>
      <c r="X54" s="80"/>
      <c r="Y54" s="62"/>
      <c r="AB54" t="s">
        <v>17</v>
      </c>
      <c r="AC54">
        <f>COUNTA(B54:H54)</f>
        <v>0</v>
      </c>
      <c r="AE54">
        <f>COUNTA(J54:P54)</f>
        <v>0</v>
      </c>
      <c r="AG54">
        <f>COUNTA(R54:X54)</f>
        <v>0</v>
      </c>
    </row>
    <row r="55" spans="1:33" ht="11" customHeight="1">
      <c r="A55" s="55"/>
      <c r="B55" s="29" t="s">
        <v>46</v>
      </c>
      <c r="C55" s="30" t="s">
        <v>60</v>
      </c>
      <c r="D55" s="30" t="s">
        <v>52</v>
      </c>
      <c r="E55" s="30" t="s">
        <v>54</v>
      </c>
      <c r="F55" s="30" t="s">
        <v>53</v>
      </c>
      <c r="G55" s="30" t="s">
        <v>55</v>
      </c>
      <c r="H55" s="32" t="s">
        <v>41</v>
      </c>
      <c r="I55" s="61"/>
      <c r="J55" s="29" t="s">
        <v>53</v>
      </c>
      <c r="K55" s="30" t="s">
        <v>55</v>
      </c>
      <c r="L55" s="30" t="s">
        <v>41</v>
      </c>
      <c r="M55" s="30" t="s">
        <v>37</v>
      </c>
      <c r="N55" s="34" t="s">
        <v>40</v>
      </c>
      <c r="O55" s="30" t="s">
        <v>34</v>
      </c>
      <c r="P55" s="32" t="s">
        <v>35</v>
      </c>
      <c r="Q55" s="61"/>
      <c r="R55" s="29" t="s">
        <v>53</v>
      </c>
      <c r="S55" s="120" t="s">
        <v>55</v>
      </c>
      <c r="T55" s="120" t="s">
        <v>41</v>
      </c>
      <c r="U55" s="120" t="s">
        <v>37</v>
      </c>
      <c r="V55" s="120" t="s">
        <v>40</v>
      </c>
      <c r="W55" s="120" t="s">
        <v>34</v>
      </c>
      <c r="X55" s="115" t="s">
        <v>35</v>
      </c>
      <c r="Y55" s="74"/>
      <c r="AB55" s="26"/>
      <c r="AC55" s="26"/>
      <c r="AD55" s="26"/>
      <c r="AE55" s="26"/>
      <c r="AF55" s="26"/>
      <c r="AG55" s="26"/>
    </row>
    <row r="56" spans="1:33" ht="17" customHeight="1">
      <c r="A56" s="55"/>
      <c r="B56" s="13"/>
      <c r="C56" s="13"/>
      <c r="D56" s="13"/>
      <c r="E56" s="13"/>
      <c r="F56" s="13"/>
      <c r="G56" s="14"/>
      <c r="H56" s="14"/>
      <c r="I56" s="62"/>
      <c r="J56" s="13"/>
      <c r="K56" s="13"/>
      <c r="L56" s="13"/>
      <c r="M56" s="76"/>
      <c r="N56" s="76"/>
      <c r="O56" s="76"/>
      <c r="P56" s="77"/>
      <c r="Q56" s="62"/>
      <c r="R56" s="13"/>
      <c r="S56" s="16"/>
      <c r="T56" s="84"/>
      <c r="U56" s="15"/>
      <c r="V56" s="16"/>
      <c r="W56" s="16"/>
      <c r="X56" s="52"/>
      <c r="Y56" s="62"/>
      <c r="AB56" t="s">
        <v>18</v>
      </c>
      <c r="AC56">
        <f>COUNTA(B56:H56)</f>
        <v>0</v>
      </c>
      <c r="AE56">
        <f>COUNTA(J56:P56)</f>
        <v>0</v>
      </c>
      <c r="AG56">
        <f>COUNTA(R56:X56)</f>
        <v>0</v>
      </c>
    </row>
    <row r="57" spans="1:33" ht="11.5" customHeight="1">
      <c r="A57" s="55"/>
      <c r="B57" s="29" t="s">
        <v>37</v>
      </c>
      <c r="C57" s="34" t="s">
        <v>40</v>
      </c>
      <c r="D57" s="30" t="s">
        <v>34</v>
      </c>
      <c r="E57" s="30" t="s">
        <v>35</v>
      </c>
      <c r="F57" s="30" t="s">
        <v>36</v>
      </c>
      <c r="G57" s="30" t="s">
        <v>43</v>
      </c>
      <c r="H57" s="31" t="s">
        <v>39</v>
      </c>
      <c r="I57" s="61"/>
      <c r="J57" s="111" t="s">
        <v>36</v>
      </c>
      <c r="K57" s="33" t="s">
        <v>43</v>
      </c>
      <c r="L57" s="33" t="s">
        <v>39</v>
      </c>
      <c r="M57" s="33" t="s">
        <v>38</v>
      </c>
      <c r="N57" s="33" t="s">
        <v>61</v>
      </c>
      <c r="O57" s="33" t="s">
        <v>42</v>
      </c>
      <c r="P57" s="32" t="s">
        <v>47</v>
      </c>
      <c r="Q57" s="61"/>
      <c r="R57" s="81" t="s">
        <v>36</v>
      </c>
      <c r="S57" s="82" t="s">
        <v>43</v>
      </c>
      <c r="T57" s="82" t="s">
        <v>39</v>
      </c>
      <c r="U57" s="82" t="s">
        <v>38</v>
      </c>
      <c r="V57" s="82" t="s">
        <v>61</v>
      </c>
      <c r="W57" s="82" t="s">
        <v>42</v>
      </c>
      <c r="X57" s="115" t="s">
        <v>47</v>
      </c>
      <c r="Y57" s="74"/>
      <c r="AB57" s="26"/>
      <c r="AC57" s="26"/>
      <c r="AD57" s="26"/>
      <c r="AE57" s="26"/>
      <c r="AF57" s="26"/>
      <c r="AG57" s="26"/>
    </row>
    <row r="58" spans="1:33" ht="17" customHeight="1">
      <c r="A58" s="55"/>
      <c r="B58" s="13"/>
      <c r="C58" s="13"/>
      <c r="D58" s="13"/>
      <c r="E58" s="13"/>
      <c r="F58" s="13"/>
      <c r="G58" s="13"/>
      <c r="H58" s="14"/>
      <c r="I58" s="62"/>
      <c r="J58" s="85"/>
      <c r="K58" s="85"/>
      <c r="L58" s="89"/>
      <c r="M58" s="85"/>
      <c r="N58" s="85"/>
      <c r="O58" s="85"/>
      <c r="P58" s="90"/>
      <c r="Q58" s="62"/>
      <c r="R58" s="13"/>
      <c r="S58" s="39"/>
      <c r="T58" s="16"/>
      <c r="U58" s="16"/>
      <c r="V58" s="16"/>
      <c r="W58" s="16"/>
      <c r="X58" s="15"/>
      <c r="Y58" s="62"/>
      <c r="AB58" t="s">
        <v>24</v>
      </c>
      <c r="AC58">
        <f>COUNTA(B58:H58)</f>
        <v>0</v>
      </c>
      <c r="AE58">
        <f>COUNTA(J58:P58)</f>
        <v>0</v>
      </c>
      <c r="AG58">
        <f>COUNTA(R58:X58)</f>
        <v>0</v>
      </c>
    </row>
    <row r="59" spans="1:33" ht="12" customHeight="1">
      <c r="A59" s="55"/>
      <c r="B59" s="29" t="s">
        <v>38</v>
      </c>
      <c r="C59" s="33" t="s">
        <v>61</v>
      </c>
      <c r="D59" s="33" t="s">
        <v>42</v>
      </c>
      <c r="E59" s="33" t="s">
        <v>47</v>
      </c>
      <c r="F59" s="33" t="s">
        <v>50</v>
      </c>
      <c r="G59" s="33" t="s">
        <v>56</v>
      </c>
      <c r="H59" s="31" t="s">
        <v>51</v>
      </c>
      <c r="I59" s="61"/>
      <c r="J59" s="81" t="s">
        <v>50</v>
      </c>
      <c r="K59" s="82" t="s">
        <v>56</v>
      </c>
      <c r="L59" s="106" t="s">
        <v>51</v>
      </c>
      <c r="M59" s="82" t="s">
        <v>64</v>
      </c>
      <c r="N59" s="82" t="s">
        <v>62</v>
      </c>
      <c r="O59" s="33" t="s">
        <v>63</v>
      </c>
      <c r="P59" s="32" t="s">
        <v>57</v>
      </c>
      <c r="Q59" s="61"/>
      <c r="R59" s="118" t="s">
        <v>50</v>
      </c>
      <c r="S59" s="119" t="s">
        <v>56</v>
      </c>
      <c r="T59" s="107" t="s">
        <v>51</v>
      </c>
      <c r="U59" s="107" t="s">
        <v>64</v>
      </c>
      <c r="V59" s="107" t="s">
        <v>62</v>
      </c>
      <c r="W59" s="107" t="s">
        <v>63</v>
      </c>
      <c r="X59" s="115" t="s">
        <v>57</v>
      </c>
      <c r="Y59" s="74"/>
      <c r="AB59" s="26"/>
      <c r="AC59" s="26"/>
      <c r="AD59" s="26"/>
      <c r="AE59" s="26"/>
      <c r="AF59" s="26"/>
      <c r="AG59" s="26"/>
    </row>
    <row r="60" spans="1:33" ht="17" customHeight="1">
      <c r="A60" s="55"/>
      <c r="B60" s="13"/>
      <c r="C60" s="85"/>
      <c r="D60" s="85"/>
      <c r="E60" s="85"/>
      <c r="F60" s="85"/>
      <c r="G60" s="85"/>
      <c r="H60" s="85"/>
      <c r="I60" s="62"/>
      <c r="J60" s="16"/>
      <c r="K60" s="15"/>
      <c r="L60" s="87"/>
      <c r="M60" s="88"/>
      <c r="N60" s="88"/>
      <c r="O60" s="88"/>
      <c r="P60" s="90"/>
      <c r="Q60" s="62"/>
      <c r="R60" s="15"/>
      <c r="S60" s="14"/>
      <c r="T60" s="14"/>
      <c r="U60" s="14"/>
      <c r="V60" s="93"/>
      <c r="W60" s="93"/>
      <c r="X60" s="14"/>
      <c r="Y60" s="62"/>
      <c r="AB60" t="s">
        <v>25</v>
      </c>
      <c r="AC60">
        <f>COUNTA(B60:H60)</f>
        <v>0</v>
      </c>
      <c r="AE60">
        <f>COUNTA(J60:P60)</f>
        <v>0</v>
      </c>
      <c r="AG60">
        <f>COUNTA(R60:X60)</f>
        <v>0</v>
      </c>
    </row>
    <row r="61" spans="1:33" ht="12" customHeight="1">
      <c r="A61" s="55"/>
      <c r="B61" s="29" t="s">
        <v>64</v>
      </c>
      <c r="C61" s="30" t="s">
        <v>62</v>
      </c>
      <c r="D61" s="30" t="s">
        <v>63</v>
      </c>
      <c r="E61" s="30" t="s">
        <v>57</v>
      </c>
      <c r="F61" s="30" t="s">
        <v>58</v>
      </c>
      <c r="G61" s="33" t="s">
        <v>59</v>
      </c>
      <c r="H61" s="31" t="s">
        <v>48</v>
      </c>
      <c r="I61" s="61"/>
      <c r="J61" s="81" t="s">
        <v>58</v>
      </c>
      <c r="K61" s="55"/>
      <c r="L61" s="55"/>
      <c r="M61" s="55"/>
      <c r="N61" s="55"/>
      <c r="O61" s="55"/>
      <c r="P61" s="55"/>
      <c r="Q61" s="61"/>
      <c r="R61" s="100" t="s">
        <v>74</v>
      </c>
      <c r="S61" s="107" t="s">
        <v>59</v>
      </c>
      <c r="T61" s="107" t="s">
        <v>48</v>
      </c>
      <c r="U61" s="107" t="s">
        <v>65</v>
      </c>
      <c r="V61" s="44"/>
      <c r="W61" s="44"/>
      <c r="X61" s="44"/>
      <c r="Y61" s="74"/>
      <c r="AB61" s="26"/>
      <c r="AC61" s="26"/>
      <c r="AD61" s="26"/>
      <c r="AE61" s="26"/>
      <c r="AF61" s="26"/>
      <c r="AG61" s="26"/>
    </row>
    <row r="62" spans="1:33" ht="17" customHeight="1">
      <c r="A62" s="55"/>
      <c r="B62" s="14"/>
      <c r="C62" s="13"/>
      <c r="D62" s="14"/>
      <c r="E62" s="14"/>
      <c r="F62" s="14"/>
      <c r="G62" s="14"/>
      <c r="H62" s="85"/>
      <c r="I62" s="62"/>
      <c r="J62" s="16"/>
      <c r="K62" s="55"/>
      <c r="L62" s="55"/>
      <c r="M62" s="55"/>
      <c r="N62" s="55"/>
      <c r="O62" s="55"/>
      <c r="P62" s="55"/>
      <c r="Q62" s="62"/>
      <c r="R62" s="14"/>
      <c r="S62" s="14"/>
      <c r="T62" s="14"/>
      <c r="U62" s="14"/>
      <c r="V62" s="47"/>
      <c r="W62" s="47"/>
      <c r="X62" s="47"/>
      <c r="Y62" s="62"/>
      <c r="AB62" t="s">
        <v>26</v>
      </c>
      <c r="AC62">
        <f>COUNTA(B62:H62)</f>
        <v>0</v>
      </c>
      <c r="AE62">
        <f>COUNTA(J62:P62)</f>
        <v>0</v>
      </c>
      <c r="AG62">
        <f>COUNTA(R62:X62)</f>
        <v>0</v>
      </c>
    </row>
    <row r="63" spans="1:33" ht="9.65" customHeight="1">
      <c r="A63" s="55"/>
      <c r="B63" s="29" t="s">
        <v>65</v>
      </c>
      <c r="C63" s="48"/>
      <c r="D63" s="48"/>
      <c r="E63" s="46"/>
      <c r="F63" s="46"/>
      <c r="G63" s="46"/>
      <c r="H63" s="46"/>
      <c r="I63" s="69"/>
      <c r="J63" s="55"/>
      <c r="K63" s="55"/>
      <c r="L63" s="55"/>
      <c r="M63" s="55"/>
      <c r="N63" s="55"/>
      <c r="O63" s="55"/>
      <c r="P63" s="55"/>
      <c r="Q63" s="69"/>
      <c r="R63" s="44"/>
      <c r="S63" s="44"/>
      <c r="T63" s="44"/>
      <c r="U63" s="44"/>
      <c r="V63" s="44"/>
      <c r="W63" s="44"/>
      <c r="X63" s="44"/>
      <c r="Y63" s="69"/>
      <c r="AB63" s="26"/>
    </row>
    <row r="64" spans="1:33" ht="17" customHeight="1">
      <c r="A64" s="55"/>
      <c r="B64" s="14"/>
      <c r="C64" s="49"/>
      <c r="D64" s="49"/>
      <c r="E64" s="46"/>
      <c r="F64" s="46"/>
      <c r="G64" s="46"/>
      <c r="H64" s="46"/>
      <c r="I64" s="62"/>
      <c r="J64" s="55"/>
      <c r="K64" s="55"/>
      <c r="L64" s="55"/>
      <c r="M64" s="55"/>
      <c r="N64" s="55"/>
      <c r="O64" s="55"/>
      <c r="P64" s="55"/>
      <c r="Q64" s="62"/>
      <c r="R64" s="44"/>
      <c r="S64" s="44"/>
      <c r="T64" s="44"/>
      <c r="U64" s="44"/>
      <c r="V64" s="44"/>
      <c r="W64" s="44"/>
      <c r="X64" s="44"/>
      <c r="Y64" s="62"/>
      <c r="AB64" t="s">
        <v>27</v>
      </c>
      <c r="AC64">
        <f>COUNTA(B64:H64)</f>
        <v>0</v>
      </c>
      <c r="AD64" s="23"/>
      <c r="AE64">
        <f>COUNTA(J64:P64)</f>
        <v>0</v>
      </c>
      <c r="AF64" s="23"/>
      <c r="AG64">
        <f>COUNTA(R64:X64)</f>
        <v>0</v>
      </c>
    </row>
    <row r="65" spans="1:25" ht="8" customHeight="1">
      <c r="A65" s="55"/>
      <c r="B65" s="55"/>
      <c r="C65" s="55"/>
      <c r="D65" s="55"/>
      <c r="E65" s="55"/>
      <c r="F65" s="55"/>
      <c r="G65" s="55"/>
      <c r="H65" s="55"/>
      <c r="I65" s="69"/>
      <c r="J65" s="55"/>
      <c r="K65" s="55"/>
      <c r="L65" s="55"/>
      <c r="M65" s="55"/>
      <c r="N65" s="55"/>
      <c r="O65" s="55"/>
      <c r="P65" s="55"/>
      <c r="Q65" s="69"/>
      <c r="R65" s="55"/>
      <c r="S65" s="55"/>
      <c r="T65" s="55"/>
      <c r="U65" s="55"/>
      <c r="V65" s="55"/>
      <c r="W65" s="55"/>
      <c r="X65" s="55"/>
      <c r="Y65" s="69"/>
    </row>
    <row r="66" spans="1:25">
      <c r="C66" s="23"/>
    </row>
  </sheetData>
  <mergeCells count="15">
    <mergeCell ref="B51:D51"/>
    <mergeCell ref="J51:L51"/>
    <mergeCell ref="R51:T51"/>
    <mergeCell ref="B21:D21"/>
    <mergeCell ref="J21:L21"/>
    <mergeCell ref="R21:T21"/>
    <mergeCell ref="B36:D36"/>
    <mergeCell ref="J36:L36"/>
    <mergeCell ref="R36:T36"/>
    <mergeCell ref="Z1:AK2"/>
    <mergeCell ref="R1:X1"/>
    <mergeCell ref="P3:Q3"/>
    <mergeCell ref="B4:D4"/>
    <mergeCell ref="J4:L4"/>
    <mergeCell ref="R4:T4"/>
  </mergeCells>
  <phoneticPr fontId="1"/>
  <dataValidations count="1">
    <dataValidation imeMode="off" allowBlank="1" showInputMessage="1" showErrorMessage="1" sqref="B28:H28 B35:C35 Z28 T45:X45 J54:P54 C17:C19 J56:P56 B62:G62 R28:X28 R32:U32 J47:M47 R39:X39 J43:P43 Z24 N24:P24 B43:H43 D39:H39 T30:X30 K48:P49 B41:H41 Z30 J45:P45 B19 R30 J7:P7 J11:P11 R60:U60 D19 B13 J28:P28 J32:P32 J9:P9 E18:H19 X60 J49 J26:P26 R24:X24 H30 B24:H24 B26:H26 J30:P30 J41:P41 M60:O60 R58 B56:H56 H13 Z26 R41:X41 R7:X7 R9:X9 J13 B7:H7 J34:K34 U13:V13 B47:G49 E32 B60 B11:H11 B9:H9 R13:S13 R26:X26 B45:C45 H47 E45:H45 B58:H58 J60:K60 E54:H54 B30 B32:C32 R43:X43 R47:V47 O39:P39 R45 P47 T58:X58 R62:U62 R54:X54 R56:X56 B15:E15 J15:O15 L17:L19 J17:K17 M17:O17 B17 D17:E17 C63:D64 B64 J62" xr:uid="{00000000-0002-0000-0000-000000000000}"/>
  </dataValidations>
  <pageMargins left="0.51181102362204722" right="0.51181102362204722" top="0.35433070866141736" bottom="0.35433070866141736" header="0.31496062992125984" footer="0.31496062992125984"/>
  <pageSetup paperSize="9" scale="9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26カレンダー</vt:lpstr>
      <vt:lpstr>'2026カレンダー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1-22T02:51:00Z</cp:lastPrinted>
  <dcterms:created xsi:type="dcterms:W3CDTF">2016-07-19T00:48:40Z</dcterms:created>
  <dcterms:modified xsi:type="dcterms:W3CDTF">2026-02-04T07:41:29Z</dcterms:modified>
</cp:coreProperties>
</file>